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4. Juraj\11 - 2022 - 070. (Príprava) STERILIZÁTORY\03. Príprava\04. PTK\01. Odoslanie PTK\"/>
    </mc:Choice>
  </mc:AlternateContent>
  <bookViews>
    <workbookView xWindow="0" yWindow="0" windowWidth="23040" windowHeight="9195"/>
  </bookViews>
  <sheets>
    <sheet name="Cenová ponuka" sheetId="8" r:id="rId1"/>
  </sheets>
  <definedNames>
    <definedName name="_xlnm.Print_Area" localSheetId="0">'Cenová ponuka'!$B$1:$F$350</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34" i="8" l="1"/>
  <c r="F33" i="8"/>
</calcChain>
</file>

<file path=xl/sharedStrings.xml><?xml version="1.0" encoding="utf-8"?>
<sst xmlns="http://schemas.openxmlformats.org/spreadsheetml/2006/main" count="626" uniqueCount="432">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2.1</t>
  </si>
  <si>
    <t>2.2</t>
  </si>
  <si>
    <t>7.</t>
  </si>
  <si>
    <t>12.</t>
  </si>
  <si>
    <t>13.</t>
  </si>
  <si>
    <t>15.</t>
  </si>
  <si>
    <t>16.</t>
  </si>
  <si>
    <t>17.</t>
  </si>
  <si>
    <t>17.1</t>
  </si>
  <si>
    <t>17.2</t>
  </si>
  <si>
    <t>18.</t>
  </si>
  <si>
    <t>19.</t>
  </si>
  <si>
    <t>20.</t>
  </si>
  <si>
    <t>21.</t>
  </si>
  <si>
    <t>22.</t>
  </si>
  <si>
    <t>23.</t>
  </si>
  <si>
    <t>15.1</t>
  </si>
  <si>
    <t>16.1</t>
  </si>
  <si>
    <t>16.2</t>
  </si>
  <si>
    <t>Požaduje sa uzatvorenie kúpnej zmluvy.</t>
  </si>
  <si>
    <t>Požaduje sa jednorázové dodanie nového, nepoužívaného a nerepasovaného prístroja:</t>
  </si>
  <si>
    <t>v pracovných dňoch,</t>
  </si>
  <si>
    <t>v čase od 08:00 hod. do 14:30 hod.,</t>
  </si>
  <si>
    <t>2.3</t>
  </si>
  <si>
    <t>2.4</t>
  </si>
  <si>
    <t>2.5</t>
  </si>
  <si>
    <t>2.6</t>
  </si>
  <si>
    <t>do sídla kupujúceho na vlastné náklady tak, aby bola zabezpečená dostatočná ochrana pred poškodením, pričom konkrétne miesto dodania - pracovisko objednávateľa a zodpovedná osoba objednávateľa budú dodávateľovi písomne upresnené po uzavretí zmluvného vzťahu,</t>
  </si>
  <si>
    <t>po predchádzajúcom preukázateľnom upovedomení objednávateľa min. 5 pracovných dní vopred tak, aby objednávateľ mohol poskynúť potrebnú súčinnosť pri dodaní,</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2.7</t>
  </si>
  <si>
    <t>Súčasťou dodania zariadenia a/alebo služieb je povinnosť dodávateľa odovzdať objednávateľovi aj:
- zoznam a kontaktné údaje servisných stredísk dodávateľa pre potreby plnenia zmluvy,
- kontaktné údaje na Klientske pracovisko dodávateľa - tzv. "Hotline", "Helpdesk", "Call centrum..." pre potreby plnenia zmluvy.</t>
  </si>
  <si>
    <t>Objednávateľ zabezpečí za účelom prevzatia zariadenia prístup pre osoby poverené dodávateľom na čas nevyhnutný na vyloženie, kompletizáciu a inštaláciu zariadenia.</t>
  </si>
  <si>
    <t>Prevzatie dodaného zariadenia je objednávateľ povinný dodávateľovi písomne potvrdiť na dodacom liste alebo preberacom protokole. Jedna kópia dodacieho listu alebo preberacieho protokolu ostáva objednávateľovi. V prípade uplatnenia oprávnenej výhrady objednávateľom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t>
  </si>
  <si>
    <t>5.1</t>
  </si>
  <si>
    <t>5.2</t>
  </si>
  <si>
    <t>5.3</t>
  </si>
  <si>
    <t>5.4</t>
  </si>
  <si>
    <t>5.5</t>
  </si>
  <si>
    <t>Súčasťou záväzku dodávateľa podľa bodu 2. je zároveň poskytnutie písomných dokladov potrebných pre riadne a bezchybné použitie zariadenia na stanovený účel, a to najmä, no nie len:</t>
  </si>
  <si>
    <t>návod na použitie zariadenia v slovenskom jazyku (resp. v českom jazyku),</t>
  </si>
  <si>
    <t>záručný list,</t>
  </si>
  <si>
    <t>preberací (akceptačný) protokol,</t>
  </si>
  <si>
    <t>inštalačný protokol,</t>
  </si>
  <si>
    <t>protokol o zaškolení zamestnancov objednávateľa s obsluhou prístroja.</t>
  </si>
  <si>
    <t>Dodávateľ je povinný vystaviť faktúru za dodávku tovaru v súlade s ustanovením §73 zákona č. 222/2004 Z. z. o dani z pridanej hodnoty, najneskôr však do piateho (5) pracovného dňa v mesiaci, nasledujúceho po mesiaci, v ktorom došlo k dodaniu tovaru podľa uzatvorenej zmluvy. 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Požaduje sa v zmysle § 340b ods. 5 zákona č. 513/1991 Z.z. Obchodného zákonníka v znení neskorších predpisov splatnosť faktúry v lehote 60 dní odo dňa jej doručenia kupujúcemu.</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Požaduje sa, aby v prípade ak sa úspešným dodávateľom po elektronickej aukcii stane:
- dodávateľ,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 dodávateľ, ktorý verejnému obstar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t>
  </si>
  <si>
    <t>10.1</t>
  </si>
  <si>
    <t>10.2</t>
  </si>
  <si>
    <t>uzná navýšenie konečnej jednotkovej ceny za MJ bez DPH príslušnej položky predmetu zákazky, zašle dodávateľovi oznámenie, v ktorom potvrdí oprávnenie ním ponúknutej ceny.</t>
  </si>
  <si>
    <t>neuzná navýšenie konečnej jednotkovej ceny za MJ bez DPH príslušnej položky predmetu zákazky, vyhradzuje si právo odstúpiť od tejto zmluvy.</t>
  </si>
  <si>
    <t>Dodávateľ poskytuje na predmet zákazky a všetky jeho súčasti (ďalej len "zariadenie") komplexnú záruku v trvaní uvedenom v Prílohe č. 2 - "Kalkulácia ceny", minimálne však v trvaní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t>
  </si>
  <si>
    <t>Komplexná záruka predstavuje súbor opatrení, ktoré bude v rámci ceny zariadenie vykonávať dodávateľ autorizovaným servisom po dobu trvania záručnej doby na zariadení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12.1</t>
  </si>
  <si>
    <t>dodávka a výmena všetkých potrebných náhradných dielov a súčiastok v prípade ich poruchy, ktoré sami o sebe majú kratšiu dobu životnosti, alebo kratšiu záručnú dobu, ako je záručná doba poskytovaná dodávateľom,</t>
  </si>
  <si>
    <t>v prípadoch, ak je to relevantné, 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t>
  </si>
  <si>
    <t>12.2</t>
  </si>
  <si>
    <t>12.3</t>
  </si>
  <si>
    <t>dodávky a zabudovanie náhradných dielov, ktoré sú potrebné k riadnej a bezporuchovej prevádzke zariadenia, vrátane demontáže, odvozu a likvidácie použitého a nepotrebného spotrebného materiálu, náplní a náhradných dielov,</t>
  </si>
  <si>
    <t>12.4</t>
  </si>
  <si>
    <t>12.5</t>
  </si>
  <si>
    <t>12.6</t>
  </si>
  <si>
    <t>12.7</t>
  </si>
  <si>
    <t>v prípadoch ak je to relevantné, vykonanie validácií a kalibrácií zariadenia (resp. jeho relevantných častí) s perio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8. tejto časti.</t>
  </si>
  <si>
    <t>vykonanie ďalších servisných úkonov a činností predpísaných príslušnou právnou úpravou a aplikovateľnými normami,</t>
  </si>
  <si>
    <t>práce (servisné hodiny) a dojazdy servisných technikov dodávateľa z 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technická telefonická podpora a zároveň poradenstvo pri prevádzkovaní zariadenia prostredníctvom klientského pracoviska dodávateľa v pracovných dňoch od 07:30 hod. do 15:30 hod., pričom dodávateľ musí garantovať funkčnosť a prevádzku tohto
klientskeho pracoviska.</t>
  </si>
  <si>
    <t>12.8</t>
  </si>
  <si>
    <t>12.9</t>
  </si>
  <si>
    <t>12.10</t>
  </si>
  <si>
    <t>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a a jeho
evidencia, vrátane mena oznamovateľa, telefónneho čísla pre potvrdenie a stručného opisu vady.</t>
  </si>
  <si>
    <t>V prípade použitia email.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 správy na email. adresu dodávateľa uvedenú v Prílohe č. 1 - "Špecifikácia predmetu zákazky" (Oprávnená kontaktná osoba pre účel plnenia zmluvy).</t>
  </si>
  <si>
    <t>Servisný technik dodávateľa je povinný nastúpiť na odstránenie vady v mieste inštalácie zariadenia do 24 hodín od nahlásenia v pracovný deň medzi 7:00 a 16:00 hod., resp. do 12:00 hod. nasledujúceho pracovného dňa, pokiaľ vada bola nahlásená po 16:00 hod. pracovného dňa alebo počas mimopracovného dňa.</t>
  </si>
  <si>
    <t>V prípade, ak to povaha zariadenia umožňuje, dodávateľ je povinný zabezpečiť odstránenie vady / poruchy pomocou vzdialeného prístupu. Dodávateľ je oprávnený začať odstraňovať vadu formou vzdialeného prístupu v lehote najneskôr do 12 hodín od nahlásenia v pracovný deň medzi 7:00 a 16:00 hod., resp. do 12:00 hod. nasledujúceho pracovného dňa, pokiaľ vada bola nahlásená po 16:00 hod. pracovného dňa alebo počas mimopracovného dňa.</t>
  </si>
  <si>
    <t>Dodávateľ je povinný počas trvania záručnej doby odstrániť vady v nasledujúcich lehotách od nástupu na opravu:</t>
  </si>
  <si>
    <t>oprava vady s dodávkou náhradného dielu najneskôr do 72 hodín, resp. v závažných prípadoch v termíne po dohode s dodávateľom.</t>
  </si>
  <si>
    <t>oprava vady, pri ktorej nie je potrebná dodávka náhradného dielu najneskôr do 48 hodín,</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nedodržanie lehoty príchodu servisného technika alebo nezačatie odstraňovania vady formou vzdialeného prístupu: 100 eur za každú začatú hodinu omeškania, najviac však do výšky 10 % kúpnej ceny prístroja a to pre každý jednotlivý prípad omeškania dodávateľa, </t>
  </si>
  <si>
    <t>nedodržanie lehoty na odstránenie vady: 100 eur za každú začatú hodinu omeškania, najviac však do výšky 10 % kúpnej ceny prístroja a to pre každý jednotlivý prípad omeškania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1.1</t>
  </si>
  <si>
    <t>V prípade, ak sa po uzatvorení zmluvy preukáže, že na relevantnom trhu (trhu krajín EÚ)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 v neprospech ceny podľa zmluvy, zaväzuje sa dodávateľ poskytnúť objednávateľovi pre takéto plnenie objednané po preukázaní tejto skutočnosti dodatočnú zľavu vo výške rozdielu medzi ním poskytovanou cenou podľa tejto zmluvy a nižšou cenou.</t>
  </si>
  <si>
    <t>V prípade, že dodávateľ zľavu podľa predchádzajúceho bodu neposkytne do šesťdesiatich (60) kalendárnych dní od doručenia písomnej výzvy objednávateľa, bude sa takéto konanie dodávateľa považovať za porušenie jeho zmluvných povinností, pričom objednávateľ je oprávnený uplatniť si z tohto titulu u dodávateľa zmluvnú pokutu stanovenú vo výške zisteného rozdielu, t.j. rozdielu medzi poskytovanou cenou podľa tejto zmluvy a nižšou cenou.</t>
  </si>
  <si>
    <t>Požaduje sa, aby dodávateľ v čase predloženia ponuky a zároveň počas trvania zmluvy bol oprávnený na poskytnutie plnenia predmetu zákazky.</t>
  </si>
  <si>
    <t>Zmluvné strany sa dohodli, že pohľadávky, ktoré vzniknú dodávateľovi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t>
  </si>
  <si>
    <t>24.</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25.</t>
  </si>
  <si>
    <t>v lehote uvedenej v Prílohe č. 2 - "Kalkulácia ceny" maximálne však do ___ pracovných dní od doručenia od doručenia Oznámenie o výsledku vyhodnotenia splnenia požiadaviek na predmet zákazky (ďalej len "Oznámenie"),</t>
  </si>
  <si>
    <t>Ak počas trvania záručnej doby, dôjde k vade, ktorá nespadá pod záručný servis, dodávateľ poskytne objednávateľovi telefonické poradenstvo, ktoré zahŕňa telefonické konzultácie pri riešení incidentov a problémov a hľadania riešenia pre odstránenie problému. V prípade, ak by objednávateľ ani po telefonickom riešení problému, nevedel tento problém odstrániť, dodávateľ zabezpečí vyslanie servisného technika do miesta inštalácie zariadenia, pričom servisný zásah je do jednej hodiny od nastúpenia na odstránenie problému poskytovaný bezplatne vrátane dopravy do/z miesta inštalácie zariadenia.
V prípade, ak servisný zásah trvá dlhšie ako jednu hodinu od nástupu a súčasne sa nejedná o vadu spadajúcu pod záručný servis, je dodávateľ oprávnený si účtovať cenu servisnej hodiny uvedenú v Prílohe č. 2 - "Kalkulácia ceny" za každú ďalšiu hodinu trvania servisného zásahu vrátane do/z miesta inštalácie zariadenia, maximálne však ___ EUR bez DPH za každú ďalšiu hodinu.</t>
  </si>
  <si>
    <t>Kalkulácia ceny a návrh na plnenie kritéria na vyhodnotenie ponúk - Štruktúrovaný rozpočet ceny predmetu zákazky</t>
  </si>
  <si>
    <t>33191100-6   Sterilizátory</t>
  </si>
  <si>
    <t>33191000-5   Sterilizačné, dezinfekčné a hygienické prístroje</t>
  </si>
  <si>
    <t>33191110-9 - Autoklávy</t>
  </si>
  <si>
    <t>Parný sterilizátor 2-dverový s vyvíjačom pary</t>
  </si>
  <si>
    <t>Položka č. 2</t>
  </si>
  <si>
    <t>Položka č. 3</t>
  </si>
  <si>
    <t>Položka č. 4</t>
  </si>
  <si>
    <t>Kombinovaný parno-formaldehydový sterilizátor 2-dverový s vyvíjačom pary</t>
  </si>
  <si>
    <t>Položka č. 1 - Parný sterilizátor 2-dverový s vyvíjačom pary</t>
  </si>
  <si>
    <t>2-dverové prevedenie s integrovaným vyvíjačom pary s úsporným systémom, bez predohrevu vody pre parnú sterilizáciu v intervale 105°C - 135°C.</t>
  </si>
  <si>
    <t>max. vonkajšie rozmery prístroja: 1980 x 1300 x 1350 mm ( v x š x h)</t>
  </si>
  <si>
    <t>médium: para, sterilizácia termostabilných zdravotníckych pomôcok</t>
  </si>
  <si>
    <t>hlučnosť: max. 80 dB</t>
  </si>
  <si>
    <t>objem komory: min. 450 litrov</t>
  </si>
  <si>
    <t>max. hmotnosť zariadenia: do 1100 kg</t>
  </si>
  <si>
    <t>nerezové vonkajšie zakrytovanie sterilizátora so servisným priestorom a s prispôsobením priestoru umiestnenia sterilizátora</t>
  </si>
  <si>
    <t>bezúdržbové tesnenia dverí</t>
  </si>
  <si>
    <t>automaticky ovládané dvere komory s vertikálnym otváraním, s bezpečnostným istením</t>
  </si>
  <si>
    <t>ovládacie rozhranie pre užívateľa prostredníctvom dotykovej obrazovky s menu v slovenskom jazyku s digitálnym zobrazením parametrov sterilizácie</t>
  </si>
  <si>
    <t>ovládanie prístroja z oboch strán</t>
  </si>
  <si>
    <t>atmosférický vzduch vpúšťaný do komory je filtrovaný. Účinnosť filtra je vyššia ako 99% pre častice veľkosti 0,3 mikrometra</t>
  </si>
  <si>
    <t>systém úspory chladiacej vody s max. spotrebou 230 litrov na proces</t>
  </si>
  <si>
    <t>reprodukovateľnosť a bezpečnosť sterilizačných procesov - vysokovýkonné dvojokružné vodné vákuové čerpadlo s kapacitou dosahovaného vákua pod 40 mbar</t>
  </si>
  <si>
    <t>automatické mikroprocesorové riadenie, riadiaca jednotka vyvinutá pre sterilizátory a navrhnutá pre dodržanie plnej reprodukovateľnosti procesu sterilizácie.</t>
  </si>
  <si>
    <t>Kedykoľvek sa zvolí zabudovaný program, alebo užívateľom zvolený ľubovoľný čas a teplota cyklu - proces po spustení prebieha automaticky - s jasným zobrazením stavu na ovládacom paneli - s podporou kompletného setu funkcií alarmu</t>
  </si>
  <si>
    <t>možnosť autorizácie užívateľa RFID čipom</t>
  </si>
  <si>
    <t>zabudovaný nezávislý monitorovací a záznamový systém priebežne hodnotí proces nezávisle na riadiacej jednotke s funkciou zabraňujúcou otvorenie dverí v nebezpečnom stave. Dáta z tohto systému sú uložené na zázname o procese, alebo môžu byť uložené na sieti.</t>
  </si>
  <si>
    <t>záznamník - zaznamenáva teplotu a tlak v komore, možnosť dokumentácie procesov na USB alebo do archivačného softvéru v sieťovom PC</t>
  </si>
  <si>
    <t>26.</t>
  </si>
  <si>
    <t>27.</t>
  </si>
  <si>
    <t>28.</t>
  </si>
  <si>
    <t>voliteľná možnosť vyhodnotenia spotreby pracovných médií za každý proces - údaje o skutočnej spotrebe pracovných médií na zázname z každého procesu</t>
  </si>
  <si>
    <t>27.1</t>
  </si>
  <si>
    <t>27.2</t>
  </si>
  <si>
    <t>27.3</t>
  </si>
  <si>
    <t>HW - SW pre dokumentáciu a archiváciu procesov v elektronickej forme v externom PC s vzdialeným prístupom cez internet umožňujúci:</t>
  </si>
  <si>
    <t>on-line zobrazovanie priebehov procesov v reálnom čase</t>
  </si>
  <si>
    <t>tvorbu protokolov realizovaných procesov</t>
  </si>
  <si>
    <t>štatistiky využitia prístrojov a poruchových stavoch</t>
  </si>
  <si>
    <t>povinnosť spĺňať súčasné platné normy, smernice a predpisy</t>
  </si>
  <si>
    <t>zavážacie príslušenstvo (transportný vozík a zavážací vozík), inštalácia, zaškolenie  obsluhy a údržby a set dokumentácie podľa platnej legislatívy</t>
  </si>
  <si>
    <t>29.</t>
  </si>
  <si>
    <t>30.</t>
  </si>
  <si>
    <t>Položka č. 2 - Kombinovaný parno-formaldehydový sterilizátor 2-dverový s vyvíjačom pary</t>
  </si>
  <si>
    <t>automaticky ovládané dvere komory s vertikálnym otváraním, s bezpečnostným istením - 2-dverové prevedenie pre prekladaciu operáciu s integrovaným vyvíjačom pary</t>
  </si>
  <si>
    <t>program pre vynútené chladenie zariadenia pre urýchlenie prechodu z parných programov na programy nízkoteplotnej formaldehydovej sterilizácie,</t>
  </si>
  <si>
    <t>záznamník - 2-kanálový zapisovač, nezávislý od mikroprocesorovej riadiacej jednotky zaznamenáva teplotu a tlak v komore</t>
  </si>
  <si>
    <t>vertikálne automaticky posuvné dvere</t>
  </si>
  <si>
    <t>bezpečné zaistenie utesnenia komory sa aktivuje prostredníctvom tlaku pary/vzduchu za tesnením dverí. Pretlak za tesneniami dverí zotrvá, až pokiaľ nie je proces celkom ukončený</t>
  </si>
  <si>
    <t>kompletný uzavretý systém zaisťujúci bezpečnosť užívateľa</t>
  </si>
  <si>
    <t>36-38% roztok Formalínu dodávaný v hermeticky uzatvorených plastových jednorazových fľašiach</t>
  </si>
  <si>
    <t>vákuové čerpadlo je vysokovýkonné okružné vodné čerpadlo s kapacitou dosahujúce úroveň vákua pod 40 mbar. Čerpadlo je napojené na systém automatického napájania vody so zabudovaným zásobníkom vody z nerezovej ocele</t>
  </si>
  <si>
    <t>príslušenstvo pre zavážanie košov a kontajnerov do/z komory</t>
  </si>
  <si>
    <t>Parný sterilizátor 2-dverový s vyvíjačom pary (1 ks) a Kombinovaný parno-formaldehydový sterilizátor 2-dverový s vyvíjačom pary (1 ks) vrátane pozáručného servisu</t>
  </si>
  <si>
    <t>50421000-2   Opravy a údržba lekárskych zariadení</t>
  </si>
  <si>
    <t>Pozáručný servis pre položku č.1</t>
  </si>
  <si>
    <t>Pozáručný servis pre položku č.2</t>
  </si>
  <si>
    <t>Položka č. 3 - Pozáručný servis pre položku č.1</t>
  </si>
  <si>
    <t>Požaduje sa poskytovať službu (pozáručný servis) najmä v nasledovnom rozsahu:</t>
  </si>
  <si>
    <t>preventívna údržba systémov  v rozsahu podľa manuálu určeného výrobcom systému,</t>
  </si>
  <si>
    <t>2.1.1.</t>
  </si>
  <si>
    <t>za účelom vykonania preventívnej údržby si zmluvné strany po uzatvorení zmluvy vypracujú Plán údržby, v ktorom sa dohodnú na termínoch pre preventívnu údržbu,</t>
  </si>
  <si>
    <t>2.1.2.</t>
  </si>
  <si>
    <t>zmenu týchto termínov je možné uskutočniť len vzájomnou dohodou zmluvných strán, pričom takéto zmeny musia byť dohodnuté vždy včas, aby nebola narušená prevádzka objednávateľa.</t>
  </si>
  <si>
    <t>všetky práce spojené s opravami systémov,</t>
  </si>
  <si>
    <t>udržiavanie prevádzkyschopnosti hardwarovej časti systémov,</t>
  </si>
  <si>
    <t>elektrické revízie  v zmysle platných právnych predpisov,</t>
  </si>
  <si>
    <t>2.4.1</t>
  </si>
  <si>
    <t>za účelom vykonania povinných revízií si zmluvné strany do 30 kalendárnych dní po uzatvorení zmluvy vypracujú Plán revízie, v ktorom sa dohodnú na termínoch vykonanie revízie (jednotlivé termíny zmluvné strany dohodnú tak, aby bola zabezpečená ich kontinuita),</t>
  </si>
  <si>
    <t>2.4.2</t>
  </si>
  <si>
    <t>cestovné a všetky náklady spojené s činnosťou servisného pracovníka počas výkonu činnosti uvedených v bode 1. až 6.</t>
  </si>
  <si>
    <t>bez náhradných dielov</t>
  </si>
  <si>
    <t>Požaduje sa poskytovať službu na pracovisku objednávateľa</t>
  </si>
  <si>
    <t>Požaduje sa, aby v prípade vykonania opravy, na ktorú objednávateľ dodávateľa vopred upozorní, bola oprava vykonaná
nasledovne:</t>
  </si>
  <si>
    <t>nástup na výkon opravy do 24 hodín od nahlásenia vady/poruchy v pracovných dňoch v čase od 07:00 hod. do 17:00 hod.,</t>
  </si>
  <si>
    <t>výkon samotnej opravy do 72 hodín od nahlásenia vady/poruchy v pracovných dňoch v čase od 07:00 hod. do 17:00 hod.,
okrem prípadu, ak sa zmluvné strany nedohodnú inak alebo ak na výkon opravy je potrebný náhradný diel, súčiastka alebo iná vec, ktorej obstaranie alebo vykonanie trvá viac ako 72 hod.,</t>
  </si>
  <si>
    <t>Požaduje sa, aby po ukončení konkrétnej činnosti servisnej starostlivosti si servisný pracovník nechal potvrdiť rozsah poskytnutej služby s uvedením dátumu poskytnutej služby u zodpovednej osoby objednávateľa. Jedna kópia takto potvrdenej služby ostáva k dispozícii objednávateľovi.</t>
  </si>
  <si>
    <t>Požaduje sa službu podľa tejto zmluvy vykonávať v súlade so známymi a najnovšími technologickými poznatkami výrobcu systému.</t>
  </si>
  <si>
    <t>Požaduje sa garantovať prevádzkyschopnosť zariadení minimálne 95% počas doby poskytovania služieb v zmysle tejto zmluvy.</t>
  </si>
  <si>
    <t>Požaduje sa, aby počas trvania tejto zmluvy dodávateľ vykonával autorizovaný servis.</t>
  </si>
  <si>
    <t>Požaduje sa, aby počas trvania zmluvy dodávateľ vykonával činnosti uvedené v tejto zmluve prostredníctvom osôb / servisných technikov s odborným vyškolením výrobcom prístroja.</t>
  </si>
  <si>
    <t>Požaduje sa, aby dodávateľ mal počas trvania tejto zmluvy uzatvorenú zmluvu o poistení zodpovednosti za škodu spôsobenú v súvislosti s poskytovaním služieb servisnej starostlivosti podľa tejto zmluvy s poistným krytím minimálne vo výške zmluvnej ceny za služby servisnej starostlivosti.</t>
  </si>
  <si>
    <t>Položka č. 4 - Pozáručný servis pre položku č.2</t>
  </si>
  <si>
    <t>8 rokov po uplynutí záručnej doby.</t>
  </si>
  <si>
    <t>Požaduje sa vykonávať servisnú starostlivosť v pracovných dňoch v čase od 07:00 hod. do 17:00 hod, ak sa zmluvné strany nedohodnú inak.</t>
  </si>
  <si>
    <t>Požaduje sa, aby v prípade vykonania opravy, na ktorú objednávateľ dodávateľa vopred upozorní, bola oprava vykonaná nasledovne:</t>
  </si>
  <si>
    <t>konštrukcia a dvojkomorový plášť kubického profilu komory z vysokokvalitnej nerezovej ocele - vyhovujúci európskej legislatíve</t>
  </si>
  <si>
    <t>Položka č. 1 a č. 2</t>
  </si>
  <si>
    <t>Položka č. 3 a č. 4</t>
  </si>
  <si>
    <t>Požaduje sa uzatvorenie kúpnej zmluvy a zmluvy o poskytovaní pozáručného servisu.</t>
  </si>
  <si>
    <t>Požaduje sa, aby dodávateľ v čase predloženia ponuky a zároveň počas trvania zmluvy bol oprávnený na poskytnutie plnenia predmetu zmluvy.</t>
  </si>
  <si>
    <t>Požaduje sa jednorázové dodanie nových, nepoužívaných a nerepasovaných zariadení:</t>
  </si>
  <si>
    <t>do šesťdesiatich (60) pracovných dní od dňa nadobudnutia účinnosti zmluvy resp. odo dňa doručenia Oznámenia o splnení objednávateľom stanovených podmienok a požiadaviek na predmet zákazky dodávateľovi (ďalej len "Oznámenie"),</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s dodacím listom, ktorý musí obsahovať okrem povinných náležitostí aj číslo kúpnej zmluvy, ŠUKL kód (ak je to relevantné), MZ SR kód (ak je to relevantné), jednotkovú cenu príslušnej položky bez DPH, s DPH, sadzbu DPH, celkovú cenu príslušnej položky bez DPH, s DPH.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Požaduje sa aj demontáž a vynesenie súčasných sterilizátorov z budovy objednávateľa, na dopredu určené miesto na dvore v areáli objednávateľa, ktoré bude určené zamestnancom objednávateľa zodpovedným za plnenie zmluvy. Nepožaduje sa odvoz a likvidácia demontovaných zariadení.</t>
  </si>
  <si>
    <t>Požaduje sa, aby dodané zariadenia boli plnohodnotne kompatibilné s jestvujúcou sterilizačnou infraštruktúrou sterilizačného pracoviska, keďže z dôvodu priestorových možností nie je možné na pracovisku vykonávať akékoľvek búracie práce a stavebné úpravy.</t>
  </si>
  <si>
    <t>Požaduje sa, aby doba inštlácie nových zariadení, vrátane aškolenia personálu (po inštalácii) a vrátane demontáže a vynesenia súčasných zariadení (sterilizátorov) z budovy objednávateľa bola max. štyri (4) kalendárne dni odo dňa dodania zariadení na miesto dodania.</t>
  </si>
  <si>
    <t xml:space="preserve">Objednávateľ zabezpečí za účelom prevzatia zariadenia prístup pre osoby poverené dodávateľom na čas nevyhnutný na demontáž súčasných zariadení (sterilizátorov) a ich vynesenie z budovy objednávateľa, vyloženie, kompletizáciu a inštaláciu nových zariadení. </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Zariadenia sa považujú za dodané až po úspešnom vykonaní mikrobiologickej skúšky v zmysle Vyhlášky Ministerstva zdravotníctva Slovenskej republiky č. 553/2007 Z. z..</t>
  </si>
  <si>
    <t>Súčasťou záväzku dodávateľa  je zároveň poskytnutie písomných dokladov potrebných pre riadne a bezchybné použitie zariadenia na stanovený účel, a to najmä, no nie len:</t>
  </si>
  <si>
    <t>10.3</t>
  </si>
  <si>
    <t>10.4</t>
  </si>
  <si>
    <t>10.5</t>
  </si>
  <si>
    <t>protokol o zaškolení zamestnancov objednávateľa s obsluhou zariadenia,</t>
  </si>
  <si>
    <t>10.6</t>
  </si>
  <si>
    <t>dodací list,</t>
  </si>
  <si>
    <t>10.7</t>
  </si>
  <si>
    <t>certifikáty,</t>
  </si>
  <si>
    <t>10.8</t>
  </si>
  <si>
    <t>doklady o zhode,</t>
  </si>
  <si>
    <t>10.9</t>
  </si>
  <si>
    <t>pasporty tlakových nádob.</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edmet zákazky a všetky jeho súčasti (ďalej len "zariadenie") komplexnú záruku minimálne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13.1</t>
  </si>
  <si>
    <t>13.2</t>
  </si>
  <si>
    <t>13.3</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13.4</t>
  </si>
  <si>
    <t>dodávky a zabudovanie náhradných dielov, ktoré sú potrebné k riadnej a bezporuchovej prevádzke zariadnia, vrátane demontáže, odvozu a likvidácie použitého a nepotrebného spotrebného materiálu, náplní a náhradných dielov,</t>
  </si>
  <si>
    <t>13.5</t>
  </si>
  <si>
    <t>v prípadoch ak je to relevantné, vykonanie validácií a kalibrácií zariadenia (resp. jeho relevantných častí) s perididicitou podľa odporučenia výrobcu zariadenia, min. však jedenkrát ročne,</t>
  </si>
  <si>
    <t>13.6</t>
  </si>
  <si>
    <r>
      <t>vykonanie pravidelných technických kontrol a prehliadok vo výrobcom predpísanom rozsahu a intervale podľa servisnéh</t>
    </r>
    <r>
      <rPr>
        <sz val="10"/>
        <color theme="1"/>
        <rFont val="Arial"/>
        <family val="2"/>
      </rPr>
      <t>o manuálu, min. však jedenkrát ročne, pričom poslednú takúto kontrolu je dodávateľ povinný vykonať mesiac pred uplynutím záručnej doby a bezplatne odstrániť všetky zistené vady a nedostatky s výnimkou vád uvedených v bode 38. tejto</t>
    </r>
    <r>
      <rPr>
        <sz val="10"/>
        <rFont val="Arial"/>
        <family val="2"/>
        <charset val="238"/>
      </rPr>
      <t xml:space="preserve"> časti zmluvných požiadaviek,</t>
    </r>
  </si>
  <si>
    <t>13.7</t>
  </si>
  <si>
    <t>13.8</t>
  </si>
  <si>
    <t>práce (servisné hodiny) a dojazdy servisných technikov dodávateľa do miesta inštalácie zariadenia v rámci zabezpečenia záručného servisu,</t>
  </si>
  <si>
    <t>13.9</t>
  </si>
  <si>
    <t>13.10</t>
  </si>
  <si>
    <t xml:space="preserve">technická telefonická podpora v pracovných dňoch a zároveň poradenstvo pri prevádzkovaní zariadenia prostredníctvom klientského pracoviska dodávateľa dvadsaťštyri (24) hodín denne a sedem (7) dní v týždni, pričom dodávateľ musí garantovať funkčnosť a prevádzku tohto klientskeho pracoviska. </t>
  </si>
  <si>
    <t xml:space="preserve">Servisný technik dodávateľa je povinný nastúpiť na odstránenie vady v mieste inštalácie zariadenia do štyzridsiatichôsmich (48) hodín od nahlásenia v pracovný deň medzi 7:00 a 16:00 hod., resp. do 12:00 hod. nasledujúceho pracovného dňa, pokiaľ vada bola nahlásená po 16:00 hod. pracovného dňa alebo počas mimopracovného dňa. </t>
  </si>
  <si>
    <t>V prípade, ak to povaha zariadenia umožňuje, je dodávateľ povinný zabezpečiť odstránenie vady/poruchy pomocou vzdialeného prístupu. Dodávateľ je oprávnený začať odstraňovať vadu formou vzdialeného prístupu v lehote najneskôr do dvadsiatichštyroch (24) hodín od nahlásenia v pracovný deň medzi 7:00 a 16:00 hod., resp. do 12:00 hod. nasledujúceho pracovného dňa, pokiaľ vada bola nahlásená po 16:00 hod. pracovného dňa alebo počas mimopracovného dňa.</t>
  </si>
  <si>
    <t>oprava vady, pri ktorej nie je potrebná dodávka náhradného dielu najneskôr do štyridsiatichôsmich (48) hodín,</t>
  </si>
  <si>
    <t>oprava vady s dodávkou náhradného dielu najneskôr do sedemdesiatichdvoch (72) hodín, resp. v závažných prípadoch v termíne po dohode s dodávateľom.</t>
  </si>
  <si>
    <t>nedodržanie lehoty príchodu servisného technika alebo nezačatie odstraňovania vady formou vzdialeného prístupu : 100,-€ (slovom: jednosto Eur) za každú začatú hodinu omeškania, najviac však do výšky 10% kúpnej ceny zariadenia, a to pre každý jednotlivý prípad omeškania dodávateľa,</t>
  </si>
  <si>
    <t>nedodržanie dohodnutých lehôt na odstránenie vady : 100,-€ (jednosto Eur) za každú začatú hodinu omeškania, najviac však do výšky 10% kúpnej ceny zariadenia, a to  pre každý jednotlivý prípad omeškania dodávateľa.</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emailovú adresu dodávateľa uvedenú v Prílohe č. 1 - Špecifikácia predmetu zákazky (Oprávnená kontaktná osoba pre účel plnenia zmluvy).</t>
  </si>
  <si>
    <t>Ak počas trvania záručnej doby dôjde k vade, ktorá nespadá pod záručný servis, dodávateľ poskytne objednávateľovi telefonické poradenstv, ktoré zahŕňa telefonické konzultácie pri riešení incidentov a problémov a hľadania riešenia pre odstránenie problému. V prípade, ak by objednávateľ ani po telefonickom riešení problému nevedel tento problém odstrániť, dodávateľ zabezpečí vyslanie servisného technika do miesta inštalácie zariadenia, pričom servisný zásah je do jednej (1) hodiny od nastúpenia na odstránenie problému poskytovaný bezplatne vrátane do/z miesta inštalácie zariadenia.</t>
  </si>
  <si>
    <t>V prípade, ak servisný záasah trvá dlhšie ako jednu (1) hodinu od nástupu a súčane sa nejedná o vadu spadajúcu pod záručný servis, je dodávateľ oprávnený účtovaťsi cenu servisej hodiny uvedenú v Prílohe č. 2 - Kalkulácia ceny, za každú ďalšiu hodinu trvania servisného zásahu vrátane do/z miesta inštalácie zariadenia, maximálne však 40,00 Eur bez DPH a cestovné náklady vo výške max. 0,50 Eur/km. Zároveň dodávateľ nie je oprávnený účtovať prestoje.</t>
  </si>
  <si>
    <t>Dodávateľ garantuje zabezpečenie náhradných dielov pre zariadenie v trvaní minimálne 15 rokov odo dňa, kedy je zaraidenie uvedené do prevádzky. Uvedenie do prevádzky a začiatok plynutia záručnej doby sa potvrdí na dodacom liste/preberacom protokole, ktorý podpíšu obe zmluvné strany, t. j. dodávateľ a objednávateľ, resp. ich oprávnení zástupcovia.</t>
  </si>
  <si>
    <t>Požaduje sa poskytovanie pozáručného servisu pre položku č. 1 po dobu 8 rokov (96 kalendárnych mesiacov), pričom za začiatok tohto poskytovania sa považuje deň nasledujúci po poslednom dni záručnej doby.</t>
  </si>
  <si>
    <t>Požaduje sa poskytovať pozáručný servis najmä v rozsahu uvedenom v časti  Špecifikácia predmetu zákazky Položka č. 3 a 4 - Pozáručný servis pre položku č. 1 a č. 2</t>
  </si>
  <si>
    <t>Požaduje sa poskytovať služby pozáručnej starostlivosti na pracovisku objednávateľa.</t>
  </si>
  <si>
    <t>Požaduje sa vykonávať pozáručnú servisnú starostlivosť v pracovných dňoch v čase od 07:00 hod. do 17:00 hod, ak sa objednávateľ a dodávateľ nedohodnú inak.</t>
  </si>
  <si>
    <t>28.1</t>
  </si>
  <si>
    <t>nástup na výkon opravy do dvadsiatichštyroch (24) hodín od nahlásenia vady/poruchy v pracovných dňoch v čase od 07:00 hod. do 17:00 hod.,</t>
  </si>
  <si>
    <t>28.2</t>
  </si>
  <si>
    <t>výkon samotnej opravy do sedemdesiatichdvoch (72) hodín od nahlásenia vady/poruchy v pracovných dňoch v čase od 07:00 hod. do 17:00 hod., okrem prípadu, ak sa objednávateľ s dodávateľom nedohodnú inak alebo ak na výkon opravy je potrebný náhradný diel, súčiastka alebo iná vec, ktorej obstaranie alebo vykonanie trvá viac ako sedemdesiatdva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zariadenia.</t>
  </si>
  <si>
    <t>31.</t>
  </si>
  <si>
    <t>Požaduje sa garantovať prevádzkyschopnosť zariadenia minimálne 95% počas doby poskytovania  služieb v zmysle tejto zmluvy.</t>
  </si>
  <si>
    <t>32.</t>
  </si>
  <si>
    <t>Požaduje sa, aby počas trvania  zmluvy dodávateľ vykonával autorizovaný servis.</t>
  </si>
  <si>
    <t>33.</t>
  </si>
  <si>
    <t>Požaduje sa, aby počas trvania zmluvy dodávateľ vykonával činnosti uvedené v zmluve prostredníctvom osôb / servisných technikov s odborným vyškolením výrobcom zariadenia.</t>
  </si>
  <si>
    <t>34.</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35.</t>
  </si>
  <si>
    <t>Požaduje sa vyhotovenie návrhu kalkulácie servisu v súlade s uzatvorenou zmluvou ku každej objednávke. Objednávateľ musí odsúhlasiť cenu a rozsah opravy, najneskôr v lehote do troch (3) kalendárnych dní odo dňa doručenia návrhu kalkulácie servisu. V prípade, ak súhlas v uvedenej lehote dodávateľovi neoznámi alebo ak oznámi, že o opravu už nemá záujem, dodávateľ nie je oprávnený vykonať opravu.</t>
  </si>
  <si>
    <t>36.</t>
  </si>
  <si>
    <t>Požaduje sa poskytnutie zodpovednosti za vady servisných služieb podľa Obchodného zákonníka a tiež záruky za akosť na servisné služby.</t>
  </si>
  <si>
    <t>37.</t>
  </si>
  <si>
    <t>Požaduje sa poskytnutie minimálne 3-mesačnej záručnej doby na servisné práce od vykonania opravy a 6-mesačnej záručnej doby na dodané náhradné diely od vykonania opravy.</t>
  </si>
  <si>
    <t>38.</t>
  </si>
  <si>
    <t>Dodávateľ za vady servisnej služby nezodpovedá v prípade, ak boli spôsobené:</t>
  </si>
  <si>
    <t>38.1</t>
  </si>
  <si>
    <t>v dôsledku živelnej pohromy, vyššej moci alebo vandalizmu alebo</t>
  </si>
  <si>
    <t>38.2</t>
  </si>
  <si>
    <t>inštaláciou, prevádzkou a údržbou zariadenia v rozpore s návodom na obsluhu alebo</t>
  </si>
  <si>
    <t>38.3</t>
  </si>
  <si>
    <t>neoprávneným zásahom tretích osôb alebo</t>
  </si>
  <si>
    <t>38.4</t>
  </si>
  <si>
    <t>prevádzkovaním zariadenia v prostredí, ktoré je v rozpore s technickými podmienkami stanovenými výrobcom, príp. dodávateľom.</t>
  </si>
  <si>
    <t>39.</t>
  </si>
  <si>
    <t xml:space="preserve">Dodávateľ je povinný oznámiť príchod pracovníkov na výkon pred začatím každého servisného výkonu, a to kontaktnej osobe objednávateľa. Informácia o kontaktnej osobe objednávateľa bude zaslaná dodávateľovi bezprostredne po uzatvorení zmluvy. </t>
  </si>
  <si>
    <t>40.</t>
  </si>
  <si>
    <t>Požaduje sa v prípade náhradných dielov v každom osobitnom prípade písomný súhlas objednávateľa s kúpou a montážou náhradného dielu.</t>
  </si>
  <si>
    <t>41.</t>
  </si>
  <si>
    <t xml:space="preserve">V prípade, ak dodávateľ deklaruje hodnotu náhradných dielov na vykonanie jednej (1) opravy nad 5.000,00 Eur bez DPH (slovom: päťtisíc EUR bez DPH) je objednávateľ oprávnený realizovať prieskum trhu. V prípade, ak objednávateľ na základe prieskumu trhu zistí, že: </t>
  </si>
  <si>
    <t>41.1</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41.2</t>
  </si>
  <si>
    <t xml:space="preserve">nedisponuje inou ponukou ako je ponuka dodávateľa a zároveň cena náhradného dielu nie je vyššia ako 10% oproti cene uvedenej v Prílohe č. 2 - Kalkulácia ceny, objednávateľ je oprávnený pristúpiť k vystaveniu objednávky. </t>
  </si>
  <si>
    <t>42.</t>
  </si>
  <si>
    <t>Požaduje sa, aby výsledná cena predmetu zákazky ponúknutá dodávateľom bola v súlade s aktuálne (t.j. v čase lehoty na predkladanie ponúk) obvyklou trhovou cenou predmetu zákazky.</t>
  </si>
  <si>
    <t>43.</t>
  </si>
  <si>
    <t>Požaduje sa možnosť uplatnenia si náhrady škody u dodávateľa vo výške vzniknutého finančného rozdielu výslednej ceny predmetu zákazky a obvyklej trhovej ceny predmetu zákazky v prípade nedodržania požiadavky uvedenej v bode 42. tejto časti zmluvných požiadaviek.</t>
  </si>
  <si>
    <t>44.</t>
  </si>
  <si>
    <t>Požaduje sa dohodnutie kúpnej ceny za zariadenie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45.</t>
  </si>
  <si>
    <t>Dodávateľ je povinný k faktúre za dodanie zariadenia priložiť kópiu preberacieho protokolu ako jej povinnú prílohu, okrem prípadov, kedy je faktúra doručená zároveň s preberacím protokolom. Povinnou súčasťou faktúry za služby, ktoré sú predmetom Položky č. 2 je zmluvnými stranami potvrdený rozsah poskytnutej služby s uvedením dátumu jej poskytnutia v príslušnom kalendárnom mesiaci.</t>
  </si>
  <si>
    <t>46.</t>
  </si>
  <si>
    <t>Dodávateľ je povinný vystaviť faktúru za dodané zariadenie a za poskytnuté služby, ktoré sú predmetom Položky č. 2, v súlade s ustanovením §73 zákona č. 222/2004 Z. z. o dani z pridanej hodnoty v znení neskorších predpisov (ďalej len „zákon o DPH“), najneskôr však do piateho (5) pracovného dňa v mesiaci, nasledujúcom po mesiaci, v ktorom došlo k dodaniu zariadenia, resp. k poskytnutiu služby, ktorá je predmetom Položky č. 2, podľa uzatvorenej zmluvy.</t>
  </si>
  <si>
    <t>47.</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48.</t>
  </si>
  <si>
    <t>Pozáručný servis (služby, ktoré sú predmetom Položky č. 2) bude hradený formou mesačných paušálnych odmien uvedených v Prílohe č. 1 - Kalkulácia ceny.</t>
  </si>
  <si>
    <t>49.</t>
  </si>
  <si>
    <r>
      <t xml:space="preserve">Požaduje sa v zmysle § 340b ods. 5 zákona č. 513/1991 Z.z. Obchodného zákonníka v znení neskorších predpisov splatnosť faktúry v lehote šesťdesiatich (60) kalendárnych dní odo dňa jej doručenia objednávateľovi. V prípade úhrady faktúry za dodanie zariadenia objednávateľom do štrnástich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 t. úhradu pred uplynutím lehoty splatnosti), uvedie výšku %, v akej bude zľava z fakturovanej sumy poskytnutá. Ak takúto zľavu predávajúci nechce poskytnúť, uvedie 0%.</t>
    </r>
  </si>
  <si>
    <t>50.</t>
  </si>
  <si>
    <t>51.</t>
  </si>
  <si>
    <t>Zmluvná cena za pozáručný servis zahŕňa celkovú logistiku súvisiacu so servisom zariadenia, dopravné a balné náklady, vrátane cestovných nákladov servisného technika do miesta dodania služby a späť a zároveň zvoz do servisného centra a rozvor opraveného zariadenia.</t>
  </si>
  <si>
    <t>52.</t>
  </si>
  <si>
    <t xml:space="preserve">V prípade, ak sa po uzatvorení zmluvy preukáže, že na relevantnom trhu existuje cena (ďalej tiež ako "nižšia cena") za rovnaké alebo porovnateľné plneni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si>
  <si>
    <t>52.1</t>
  </si>
  <si>
    <t>Dodávateľ je povinný bezodkladne, najneskôr však do piatich (5) pracovných dní od preukázania skutočnosti uvedenej v bode 52. týchto zmluvných požiadaviek, doručiť objednávateľovi dodatok, predmetom, ktorého bude upravená cena zistená podľa bodu 52. týchto zmluvných požiadavie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53.</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53.1</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53.2</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5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55.</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56.</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57.</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58.</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3.1</t>
  </si>
  <si>
    <t>3.2</t>
  </si>
  <si>
    <t>3.3</t>
  </si>
  <si>
    <t>3.4</t>
  </si>
  <si>
    <t>3.5</t>
  </si>
  <si>
    <t>3.6</t>
  </si>
  <si>
    <t xml:space="preserve">Požaduje sa akceptovať, že platba za plnenie sa realizuje výlučne bezhotovostným platobným stykom na základe faktúry doručenej dodávateľom, a to vždy za riadne a včas poskytnuté plnenie. Objednávateľ je povinný zaslať faktúru elektronicky na emailovú adresu podatelna@vusch.sk. Za deň splnenia peňažného záväzku sa považuje deň odpísania dlžnej sumy z účtu kupujúceho v prospech účtu predávajúceho. </t>
  </si>
  <si>
    <t xml:space="preserve">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ww.vusch.sk. </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kúp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 xml:space="preserve">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Vám bude písomná výpoveď doručená a skončí sa posledným kalendárnym dňom príslušného mesiaca. </t>
  </si>
  <si>
    <t xml:space="preserve">V prípade ak sa na predmet zákazky vykonala prípravná trhová konzultácia, informácie k prípravnej trhovej konzultácie verejný obstarávateľ zverejňuje na www.vusch.sk/verejne-obstaravanie/. </t>
  </si>
  <si>
    <t>Pravidelné preškolenie podľa platnej legislatívy v rámci pozáručného servisu.</t>
  </si>
  <si>
    <t>6 prednastavené programi:</t>
  </si>
  <si>
    <t>15.2</t>
  </si>
  <si>
    <t>15.3</t>
  </si>
  <si>
    <t>15.4</t>
  </si>
  <si>
    <t>15.5</t>
  </si>
  <si>
    <t>15.6</t>
  </si>
  <si>
    <t>Sterilizátor musí byť vybavený 6 prednastavenými programami a 2 programami s môžnosťou úplného prispôsobenia.</t>
  </si>
  <si>
    <t>Pogram 1:
Sterilizácia zabalených plných a dutých nástrojov, textilu, porézneho materiálu (134 °C). Program pre sterilizáciu zdravotníckych pomôcok, napr. textílií, nástrojov.</t>
  </si>
  <si>
    <t>Pogram 2:
Sterilizácia zabalených, na teplo citlivých plných a dutých výrobkov, gumového a plastového materiálu, porézneho materiálu (121 °C)</t>
  </si>
  <si>
    <t>Pogram 3:
Rýchly proces pre nebalené pevné nástroje (134 °C). Program môže byť tiež použitý, aby sa zahrial sterilizátor každý deň pred začatím sterilizácie alebo skúšky tesnosti.</t>
  </si>
  <si>
    <t>Pogram 4:
Bowie &amp; Dick test. Testovací program celosvetovej štandardu pre chemické indikátory EN ISO 11140-1 pre kontrolu odstránenia vzduchu a penetrácie pary.</t>
  </si>
  <si>
    <t>Pogram 5:
Skúška tesnosti. Proces sterilizácie je citlivý na zvyškový vzduch alebo jeho prenikanie do komory. V prípade, že komora nie je tesná, môže byť sterilizačná účinnosť narušená. Sterilizátory sú vybavené plne automatickou skúškou tesnosti komory a potrubia.</t>
  </si>
  <si>
    <t>Pogram 6:
Spustenie sterilizátora. Program pre zahriatie sterilizátora pre každodenné použitie alebo skúšku tesnosti. Tento program pomocou funkcie Autostart, nastaví automatické spustenie programu.</t>
  </si>
  <si>
    <t>2 programi, ktoré sa môžu byť úplne prispôsobené koncovým užívateľom pre sterilizovaný materiál a miestnym podmienkam, aby bol dosiahnutý optimálny výsledok sušenia.</t>
  </si>
  <si>
    <r>
      <t xml:space="preserve">atmosférický vzduch vpúšťaný do komory </t>
    </r>
    <r>
      <rPr>
        <sz val="10"/>
        <rFont val="Arial"/>
        <family val="2"/>
        <charset val="238"/>
      </rPr>
      <t xml:space="preserve">filtrovaný. Účinnosť filtra </t>
    </r>
    <r>
      <rPr>
        <sz val="10"/>
        <rFont val="Arial"/>
        <family val="2"/>
        <charset val="238"/>
      </rPr>
      <t>vyššia ako 99% pre častice veľkosti 0,3 mikrometra</t>
    </r>
  </si>
  <si>
    <t>zariadenie umožňuje parnú sterilizáciu (134 °C, 121 °C) a nízkoteplotnú sterilizáciu formaldehydom (55 °C, 65 °C a 80 °C) v jednej komore pre termolabilný materiál</t>
  </si>
  <si>
    <t>vysoká denná kapacita sterilizovaného materiálu umožnená krátkymi časmi procesov - pri teplote 121 °C do cca 60 minút a 134 °C do cca 45 minút</t>
  </si>
  <si>
    <t>konštrukcia a dvojkomorový plášť kubického profilu komory z vysokokvalitnej nerezovej ocele - vyhovujúci európskej legislatíve, tlaková nádoba vyhovuje európskej direktíve PED 2014/68/EC</t>
  </si>
  <si>
    <t>zariadenie musí byť označené CE a musí spĺňa technické normy: STN EN 14180 sterilizácia nízkoteplotnou parou s formaldehydom (validácia podľa EN 25424), MDD 93/42/EEC, EMC 89/336/EEC, STN EN 285</t>
  </si>
  <si>
    <t>pre plynovú sterilizáciu sa používa vysoká koncentrácia roztoku formalínu - čo umožňuje veľmi krátke procesy plynovej sterilizácie, napr. čas procesu pri 55 °C do 4 hod., pri 65 °C max. 2,5 hodiny a pri 80 °C max. 2 hodiny</t>
  </si>
  <si>
    <t>riadiaca jednotka má byť vyvinutá pre sterilizátory a navrhnutá pre dodržanie plnej reprodukovateľnosti procesu sterilizácie. Jednotka navrhnutá aj pre ochranu voči elektromagnetickému rušeniu v zmysle EMC nariadenia 92/31/EEC. Kedykoľvek sa zvolí zabudovaný program, alebo užívateľom zvolený ľubovoľný čas a teplota cyklu - proces po spustení prebieha automaticky - s jasným zobrazením stavu na ovládacom paneli - s podporou kompletného setu funkcií alarmu. Zariadenie pre uľahčenie procesu validácie je vybavené nadriadenou riadiacou jednotkou s vlastnými snímačmi pre dvojitú bezpečnosť reprodukovateľnosti procesov.</t>
  </si>
  <si>
    <t>súčasťou dodávky musí byť inštalácia, zaškolenie obsluhy a údržby a set dokumentácie podľa platnej legislatívy</t>
  </si>
  <si>
    <t>súčasťou dodávky musí byť inštalácia, zaškolenie obsluhy a údržby a set dokumentácie podľa platnej legislatívy.</t>
  </si>
  <si>
    <t>pripojovacie napätie: 380 V</t>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theme="1"/>
      <name val="Arial"/>
      <family val="2"/>
    </font>
    <font>
      <sz val="8"/>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thin">
        <color auto="1"/>
      </left>
      <right/>
      <top style="thin">
        <color auto="1"/>
      </top>
      <bottom/>
      <diagonal/>
    </border>
    <border>
      <left style="thin">
        <color auto="1"/>
      </left>
      <right style="thin">
        <color auto="1"/>
      </right>
      <top style="thin">
        <color auto="1"/>
      </top>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3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left" vertical="center" wrapText="1"/>
    </xf>
    <xf numFmtId="49" fontId="2" fillId="0" borderId="11"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49" fontId="4" fillId="0" borderId="5" xfId="0" applyNumberFormat="1" applyFont="1" applyFill="1" applyBorder="1" applyAlignment="1">
      <alignment vertical="center" wrapText="1"/>
    </xf>
    <xf numFmtId="49" fontId="2" fillId="0" borderId="25" xfId="0" applyNumberFormat="1" applyFont="1" applyBorder="1" applyAlignment="1">
      <alignment horizontal="center" vertical="center"/>
    </xf>
    <xf numFmtId="16" fontId="5" fillId="0" borderId="0" xfId="0" applyNumberFormat="1" applyFont="1" applyFill="1" applyAlignment="1">
      <alignment horizontal="left" vertical="top" wrapText="1"/>
    </xf>
    <xf numFmtId="49" fontId="4" fillId="0" borderId="26" xfId="0" applyNumberFormat="1" applyFont="1" applyFill="1" applyBorder="1" applyAlignment="1">
      <alignment vertical="center" wrapText="1"/>
    </xf>
    <xf numFmtId="0" fontId="2" fillId="0" borderId="27" xfId="0" applyNumberFormat="1" applyFont="1" applyBorder="1" applyAlignment="1">
      <alignment horizontal="center" vertical="center" wrapText="1"/>
    </xf>
    <xf numFmtId="0" fontId="4" fillId="0" borderId="10" xfId="0" applyFont="1" applyFill="1" applyBorder="1" applyAlignment="1">
      <alignment vertical="center" wrapText="1"/>
    </xf>
    <xf numFmtId="0" fontId="4" fillId="0" borderId="10" xfId="0" applyFont="1" applyFill="1" applyBorder="1" applyAlignment="1">
      <alignment horizontal="center" vertical="center" wrapText="1"/>
    </xf>
    <xf numFmtId="49" fontId="2" fillId="0" borderId="10" xfId="0" applyNumberFormat="1" applyFont="1" applyFill="1" applyBorder="1" applyAlignment="1">
      <alignment vertical="center" wrapText="1"/>
    </xf>
    <xf numFmtId="49" fontId="4" fillId="0" borderId="10" xfId="0" applyNumberFormat="1" applyFont="1" applyFill="1" applyBorder="1" applyAlignment="1">
      <alignment vertical="center" wrapText="1"/>
    </xf>
    <xf numFmtId="49" fontId="2" fillId="0" borderId="8" xfId="0" applyNumberFormat="1" applyFont="1" applyFill="1" applyBorder="1" applyAlignment="1">
      <alignment horizontal="center" vertical="center"/>
    </xf>
    <xf numFmtId="49" fontId="2" fillId="0" borderId="11" xfId="0" applyNumberFormat="1" applyFont="1" applyFill="1" applyBorder="1" applyAlignment="1">
      <alignment horizontal="center" vertical="center"/>
    </xf>
    <xf numFmtId="49" fontId="4" fillId="0" borderId="20" xfId="0" applyNumberFormat="1" applyFont="1" applyFill="1" applyBorder="1" applyAlignment="1">
      <alignment vertical="center" wrapText="1"/>
    </xf>
    <xf numFmtId="49" fontId="2" fillId="0" borderId="8" xfId="0" applyNumberFormat="1" applyFont="1" applyFill="1" applyBorder="1" applyAlignment="1">
      <alignment horizontal="right" vertical="center"/>
    </xf>
    <xf numFmtId="0" fontId="2" fillId="6" borderId="10" xfId="0" applyFont="1" applyFill="1" applyBorder="1" applyAlignment="1">
      <alignment horizontal="left" vertical="center" wrapText="1"/>
    </xf>
    <xf numFmtId="0" fontId="14" fillId="0" borderId="10" xfId="0" applyFont="1" applyFill="1" applyBorder="1" applyAlignment="1">
      <alignment horizontal="left" vertical="center" wrapText="1"/>
    </xf>
    <xf numFmtId="49" fontId="2" fillId="0" borderId="25" xfId="0" applyNumberFormat="1" applyFont="1" applyFill="1" applyBorder="1" applyAlignment="1">
      <alignment horizontal="left" vertical="center" wrapText="1"/>
    </xf>
    <xf numFmtId="0" fontId="4" fillId="0" borderId="27" xfId="0" applyFont="1" applyFill="1" applyBorder="1" applyAlignment="1">
      <alignment horizontal="left" vertical="center" wrapText="1"/>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5" fillId="5" borderId="1" xfId="0" applyNumberFormat="1" applyFont="1" applyFill="1" applyBorder="1" applyAlignment="1">
      <alignment horizontal="left" vertical="center" wrapText="1"/>
    </xf>
    <xf numFmtId="49" fontId="5" fillId="5" borderId="13" xfId="0" applyNumberFormat="1" applyFont="1" applyFill="1" applyBorder="1" applyAlignment="1">
      <alignment horizontal="left" vertical="center" wrapText="1"/>
    </xf>
    <xf numFmtId="49" fontId="5" fillId="5" borderId="2" xfId="0" applyNumberFormat="1"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4" fillId="0" borderId="0" xfId="0" applyNumberFormat="1" applyFont="1" applyFill="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cellXfs>
  <cellStyles count="6">
    <cellStyle name="Normálna 2" xfId="2"/>
    <cellStyle name="Normálne" xfId="0" builtinId="0"/>
    <cellStyle name="Normálne 2" xfId="3"/>
    <cellStyle name="normálne 2 2" xfId="1"/>
    <cellStyle name="normálne 2 2 2" xfId="4"/>
    <cellStyle name="Normálne 4" xfId="5"/>
  </cellStyles>
  <dxfs count="2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9525</xdr:rowOff>
        </xdr:from>
        <xdr:to>
          <xdr:col>1</xdr:col>
          <xdr:colOff>885825</xdr:colOff>
          <xdr:row>36</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0</xdr:rowOff>
        </xdr:from>
        <xdr:to>
          <xdr:col>1</xdr:col>
          <xdr:colOff>885825</xdr:colOff>
          <xdr:row>37</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365"/>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28" t="s">
        <v>49</v>
      </c>
      <c r="C1" s="128"/>
      <c r="D1" s="128"/>
      <c r="E1" s="128"/>
      <c r="F1" s="128"/>
    </row>
    <row r="2" spans="2:6" ht="27.75" customHeight="1" x14ac:dyDescent="0.2">
      <c r="B2" s="127" t="s">
        <v>47</v>
      </c>
      <c r="C2" s="127"/>
      <c r="D2" s="127"/>
      <c r="E2" s="127"/>
      <c r="F2" s="127"/>
    </row>
    <row r="3" spans="2:6" ht="54.75" customHeight="1" x14ac:dyDescent="0.2">
      <c r="B3" s="103" t="s">
        <v>53</v>
      </c>
      <c r="C3" s="103"/>
      <c r="D3" s="103"/>
      <c r="E3" s="103"/>
      <c r="F3" s="103"/>
    </row>
    <row r="4" spans="2:6" ht="24.95" customHeight="1" x14ac:dyDescent="0.2">
      <c r="B4" s="42" t="s">
        <v>52</v>
      </c>
      <c r="C4" s="43"/>
      <c r="D4" s="39"/>
      <c r="E4" s="39"/>
      <c r="F4" s="39"/>
    </row>
    <row r="5" spans="2:6" ht="24.95" customHeight="1" x14ac:dyDescent="0.2">
      <c r="B5" s="42" t="s">
        <v>50</v>
      </c>
      <c r="C5" s="44"/>
      <c r="D5" s="39"/>
      <c r="E5" s="39"/>
      <c r="F5" s="39"/>
    </row>
    <row r="6" spans="2:6" ht="5.0999999999999996" customHeight="1" x14ac:dyDescent="0.2">
      <c r="B6" s="39"/>
      <c r="C6" s="39"/>
      <c r="D6" s="39"/>
      <c r="E6" s="39"/>
      <c r="F6" s="39"/>
    </row>
    <row r="7" spans="2:6" s="2" customFormat="1" ht="20.100000000000001" customHeight="1" x14ac:dyDescent="0.25">
      <c r="B7" s="104" t="s">
        <v>5</v>
      </c>
      <c r="C7" s="104"/>
      <c r="D7" s="104"/>
      <c r="E7" s="104"/>
      <c r="F7" s="104"/>
    </row>
    <row r="8" spans="2:6" s="2" customFormat="1" ht="20.100000000000001" customHeight="1" x14ac:dyDescent="0.25">
      <c r="B8" s="105" t="s">
        <v>9</v>
      </c>
      <c r="C8" s="105"/>
      <c r="D8" s="105"/>
      <c r="E8" s="105"/>
      <c r="F8" s="105"/>
    </row>
    <row r="9" spans="2:6" ht="28.5" customHeight="1" x14ac:dyDescent="0.2">
      <c r="B9" s="106" t="s">
        <v>221</v>
      </c>
      <c r="C9" s="106"/>
      <c r="D9" s="106"/>
      <c r="E9" s="106"/>
      <c r="F9" s="106"/>
    </row>
    <row r="10" spans="2:6" ht="4.5" customHeight="1" x14ac:dyDescent="0.2">
      <c r="B10" s="41"/>
      <c r="C10" s="41"/>
      <c r="D10" s="41"/>
      <c r="E10" s="41"/>
      <c r="F10" s="41"/>
    </row>
    <row r="11" spans="2:6" s="2" customFormat="1" ht="20.100000000000001" customHeight="1" x14ac:dyDescent="0.25">
      <c r="B11" s="107" t="s">
        <v>10</v>
      </c>
      <c r="C11" s="107"/>
      <c r="D11" s="107"/>
      <c r="E11" s="107"/>
      <c r="F11" s="107"/>
    </row>
    <row r="12" spans="2:6" s="2" customFormat="1" ht="20.100000000000001" customHeight="1" x14ac:dyDescent="0.25">
      <c r="B12" s="95" t="s">
        <v>168</v>
      </c>
      <c r="C12" s="95"/>
      <c r="D12" s="95"/>
      <c r="E12" s="46"/>
      <c r="F12" s="46"/>
    </row>
    <row r="13" spans="2:6" s="2" customFormat="1" ht="20.100000000000001" customHeight="1" x14ac:dyDescent="0.25">
      <c r="B13" s="95" t="s">
        <v>169</v>
      </c>
      <c r="C13" s="95"/>
      <c r="D13" s="95"/>
      <c r="E13" s="60"/>
      <c r="F13" s="60"/>
    </row>
    <row r="14" spans="2:6" s="2" customFormat="1" ht="20.100000000000001" customHeight="1" x14ac:dyDescent="0.25">
      <c r="B14" s="95" t="s">
        <v>170</v>
      </c>
      <c r="C14" s="95"/>
      <c r="D14" s="95"/>
      <c r="E14" s="66"/>
      <c r="F14" s="66"/>
    </row>
    <row r="15" spans="2:6" s="2" customFormat="1" ht="20.100000000000001" customHeight="1" x14ac:dyDescent="0.25">
      <c r="B15" s="95" t="s">
        <v>222</v>
      </c>
      <c r="C15" s="95"/>
      <c r="D15" s="95"/>
      <c r="E15" s="66"/>
      <c r="F15" s="66"/>
    </row>
    <row r="16" spans="2:6" s="2" customFormat="1" ht="20.100000000000001" customHeight="1" x14ac:dyDescent="0.25">
      <c r="B16" s="95" t="s">
        <v>27</v>
      </c>
      <c r="C16" s="95"/>
      <c r="D16" s="95"/>
      <c r="E16" s="50"/>
      <c r="F16" s="50"/>
    </row>
    <row r="17" spans="2:6" ht="4.5" customHeight="1" x14ac:dyDescent="0.2">
      <c r="B17" s="47"/>
      <c r="C17" s="47"/>
      <c r="D17" s="47"/>
      <c r="E17" s="41"/>
      <c r="F17" s="41"/>
    </row>
    <row r="18" spans="2:6" ht="20.100000000000001" customHeight="1" x14ac:dyDescent="0.2">
      <c r="B18" s="40" t="s">
        <v>11</v>
      </c>
      <c r="C18" s="21"/>
      <c r="D18" s="21"/>
      <c r="E18" s="22"/>
      <c r="F18" s="22"/>
    </row>
    <row r="19" spans="2:6" s="3" customFormat="1" ht="24.95" customHeight="1" x14ac:dyDescent="0.25">
      <c r="B19" s="133" t="s">
        <v>68</v>
      </c>
      <c r="C19" s="133"/>
      <c r="D19" s="133"/>
      <c r="E19" s="19"/>
      <c r="F19" s="20"/>
    </row>
    <row r="20" spans="2:6" ht="5.0999999999999996" customHeight="1" x14ac:dyDescent="0.2">
      <c r="B20" s="134"/>
      <c r="C20" s="134"/>
      <c r="D20" s="134"/>
      <c r="F20" s="15"/>
    </row>
    <row r="21" spans="2:6" s="2" customFormat="1" ht="20.100000000000001" customHeight="1" x14ac:dyDescent="0.25">
      <c r="B21" s="104" t="s">
        <v>24</v>
      </c>
      <c r="C21" s="104"/>
      <c r="D21" s="104"/>
      <c r="E21" s="104"/>
      <c r="F21" s="104"/>
    </row>
    <row r="22" spans="2:6" ht="33.75" customHeight="1" x14ac:dyDescent="0.2">
      <c r="B22" s="114" t="s">
        <v>221</v>
      </c>
      <c r="C22" s="114"/>
      <c r="D22" s="114"/>
      <c r="E22" s="114"/>
      <c r="F22" s="114"/>
    </row>
    <row r="23" spans="2:6" ht="5.0999999999999996" customHeight="1" x14ac:dyDescent="0.2">
      <c r="B23" s="134"/>
      <c r="C23" s="134"/>
      <c r="D23" s="134"/>
      <c r="F23" s="15"/>
    </row>
    <row r="24" spans="2:6" s="2" customFormat="1" ht="20.100000000000001" customHeight="1" x14ac:dyDescent="0.25">
      <c r="B24" s="104" t="s">
        <v>25</v>
      </c>
      <c r="C24" s="104"/>
      <c r="D24" s="104"/>
      <c r="E24" s="104"/>
      <c r="F24" s="104"/>
    </row>
    <row r="25" spans="2:6" s="9" customFormat="1" ht="20.100000000000001" customHeight="1" x14ac:dyDescent="0.25">
      <c r="B25" s="98" t="s">
        <v>6</v>
      </c>
      <c r="C25" s="98"/>
      <c r="D25" s="98"/>
      <c r="E25" s="98"/>
      <c r="F25" s="98"/>
    </row>
    <row r="26" spans="2:6" s="9" customFormat="1" ht="20.100000000000001" customHeight="1" x14ac:dyDescent="0.25">
      <c r="B26" s="101" t="s">
        <v>18</v>
      </c>
      <c r="C26" s="102"/>
      <c r="D26" s="14"/>
      <c r="E26" s="14"/>
      <c r="F26" s="14"/>
    </row>
    <row r="27" spans="2:6" s="9" customFormat="1" ht="20.100000000000001" customHeight="1" x14ac:dyDescent="0.25">
      <c r="B27" s="13"/>
      <c r="C27" s="13" t="s">
        <v>22</v>
      </c>
      <c r="D27" s="14"/>
      <c r="E27" s="14"/>
      <c r="F27" s="14"/>
    </row>
    <row r="28" spans="2:6" s="9" customFormat="1" ht="20.100000000000001" customHeight="1" x14ac:dyDescent="0.25">
      <c r="B28" s="13"/>
      <c r="C28" s="13" t="s">
        <v>23</v>
      </c>
      <c r="D28" s="14"/>
      <c r="E28" s="14"/>
      <c r="F28" s="14"/>
    </row>
    <row r="29" spans="2:6" s="9" customFormat="1" ht="20.100000000000001" customHeight="1" x14ac:dyDescent="0.25">
      <c r="B29" s="101" t="s">
        <v>19</v>
      </c>
      <c r="C29" s="102"/>
      <c r="D29" s="14"/>
      <c r="E29" s="14"/>
      <c r="F29" s="14"/>
    </row>
    <row r="30" spans="2:6" s="9" customFormat="1" ht="31.5" customHeight="1" x14ac:dyDescent="0.25">
      <c r="B30" s="17" t="s">
        <v>20</v>
      </c>
      <c r="C30" s="99" t="s">
        <v>13</v>
      </c>
      <c r="D30" s="100"/>
      <c r="E30" s="18" t="s">
        <v>12</v>
      </c>
      <c r="F30" s="18" t="s">
        <v>14</v>
      </c>
    </row>
    <row r="31" spans="2:6" s="9" customFormat="1" ht="24.95" customHeight="1" x14ac:dyDescent="0.25">
      <c r="B31" s="48" t="s">
        <v>2</v>
      </c>
      <c r="C31" s="96" t="s">
        <v>171</v>
      </c>
      <c r="D31" s="97"/>
      <c r="E31" s="16" t="s">
        <v>1</v>
      </c>
      <c r="F31" s="49">
        <v>1</v>
      </c>
    </row>
    <row r="32" spans="2:6" s="9" customFormat="1" ht="24.95" customHeight="1" x14ac:dyDescent="0.25">
      <c r="B32" s="48" t="s">
        <v>172</v>
      </c>
      <c r="C32" s="96" t="s">
        <v>175</v>
      </c>
      <c r="D32" s="97"/>
      <c r="E32" s="16" t="s">
        <v>1</v>
      </c>
      <c r="F32" s="49">
        <v>1</v>
      </c>
    </row>
    <row r="33" spans="2:7" s="9" customFormat="1" ht="24.95" customHeight="1" x14ac:dyDescent="0.25">
      <c r="B33" s="69" t="s">
        <v>173</v>
      </c>
      <c r="C33" s="96" t="s">
        <v>223</v>
      </c>
      <c r="D33" s="97"/>
      <c r="E33" s="70" t="s">
        <v>1</v>
      </c>
      <c r="F33" s="49">
        <f>8*12</f>
        <v>96</v>
      </c>
    </row>
    <row r="34" spans="2:7" s="9" customFormat="1" ht="24.95" customHeight="1" x14ac:dyDescent="0.25">
      <c r="B34" s="69" t="s">
        <v>174</v>
      </c>
      <c r="C34" s="96" t="s">
        <v>224</v>
      </c>
      <c r="D34" s="97"/>
      <c r="E34" s="70" t="s">
        <v>1</v>
      </c>
      <c r="F34" s="49">
        <f>8*12</f>
        <v>96</v>
      </c>
    </row>
    <row r="35" spans="2:7" s="9" customFormat="1" ht="4.5" customHeight="1" x14ac:dyDescent="0.25">
      <c r="B35" s="14"/>
      <c r="C35" s="14"/>
      <c r="D35" s="14"/>
      <c r="E35" s="14"/>
      <c r="F35" s="14"/>
    </row>
    <row r="36" spans="2:7" s="9" customFormat="1" ht="20.100000000000001" customHeight="1" x14ac:dyDescent="0.25">
      <c r="B36" s="101" t="s">
        <v>21</v>
      </c>
      <c r="C36" s="102"/>
      <c r="D36" s="14"/>
      <c r="E36" s="14"/>
      <c r="F36" s="14"/>
    </row>
    <row r="37" spans="2:7" s="9" customFormat="1" ht="20.100000000000001" customHeight="1" x14ac:dyDescent="0.2">
      <c r="B37" s="10"/>
      <c r="C37" s="9" t="s">
        <v>3</v>
      </c>
      <c r="D37" s="14"/>
      <c r="E37" s="14"/>
      <c r="F37" s="14"/>
    </row>
    <row r="38" spans="2:7" s="9" customFormat="1" ht="20.100000000000001" customHeight="1" x14ac:dyDescent="0.25">
      <c r="B38" s="13"/>
      <c r="C38" s="2" t="s">
        <v>4</v>
      </c>
      <c r="D38" s="14"/>
      <c r="E38" s="14"/>
      <c r="F38" s="14"/>
    </row>
    <row r="39" spans="2:7" ht="5.0999999999999996" customHeight="1" x14ac:dyDescent="0.2"/>
    <row r="40" spans="2:7" s="2" customFormat="1" ht="20.100000000000001" customHeight="1" x14ac:dyDescent="0.25">
      <c r="B40" s="104" t="s">
        <v>26</v>
      </c>
      <c r="C40" s="104"/>
      <c r="D40" s="104"/>
      <c r="E40" s="104"/>
      <c r="F40" s="104"/>
    </row>
    <row r="41" spans="2:7" s="2" customFormat="1" ht="5.0999999999999996" customHeight="1" thickBot="1" x14ac:dyDescent="0.3">
      <c r="B41" s="15"/>
      <c r="D41" s="6"/>
      <c r="E41" s="6"/>
      <c r="F41" s="6"/>
    </row>
    <row r="42" spans="2:7" s="3" customFormat="1" ht="93" customHeight="1" x14ac:dyDescent="0.25">
      <c r="B42" s="110" t="s">
        <v>0</v>
      </c>
      <c r="C42" s="111"/>
      <c r="D42" s="115" t="s">
        <v>28</v>
      </c>
      <c r="E42" s="116"/>
      <c r="F42" s="117"/>
      <c r="G42" s="23"/>
    </row>
    <row r="43" spans="2:7" s="3" customFormat="1" ht="30" customHeight="1" thickBot="1" x14ac:dyDescent="0.3">
      <c r="B43" s="112"/>
      <c r="C43" s="113"/>
      <c r="D43" s="24" t="s">
        <v>29</v>
      </c>
      <c r="E43" s="118" t="s">
        <v>30</v>
      </c>
      <c r="F43" s="119"/>
    </row>
    <row r="44" spans="2:7" s="25" customFormat="1" ht="30.75" customHeight="1" x14ac:dyDescent="0.25">
      <c r="B44" s="92" t="s">
        <v>176</v>
      </c>
      <c r="C44" s="93"/>
      <c r="D44" s="93"/>
      <c r="E44" s="93"/>
      <c r="F44" s="94"/>
    </row>
    <row r="45" spans="2:7" s="4" customFormat="1" ht="30" customHeight="1" x14ac:dyDescent="0.25">
      <c r="B45" s="59" t="s">
        <v>16</v>
      </c>
      <c r="C45" s="64" t="s">
        <v>179</v>
      </c>
      <c r="D45" s="52"/>
      <c r="E45" s="108"/>
      <c r="F45" s="109"/>
    </row>
    <row r="46" spans="2:7" s="4" customFormat="1" ht="33" customHeight="1" x14ac:dyDescent="0.25">
      <c r="B46" s="59" t="s">
        <v>58</v>
      </c>
      <c r="C46" s="64" t="s">
        <v>177</v>
      </c>
      <c r="D46" s="52"/>
      <c r="E46" s="108"/>
      <c r="F46" s="109"/>
    </row>
    <row r="47" spans="2:7" s="4" customFormat="1" ht="30" customHeight="1" x14ac:dyDescent="0.25">
      <c r="B47" s="59" t="s">
        <v>59</v>
      </c>
      <c r="C47" s="64" t="s">
        <v>178</v>
      </c>
      <c r="D47" s="52"/>
      <c r="E47" s="87"/>
      <c r="F47" s="88"/>
    </row>
    <row r="48" spans="2:7" s="4" customFormat="1" ht="30" customHeight="1" x14ac:dyDescent="0.25">
      <c r="B48" s="59" t="s">
        <v>60</v>
      </c>
      <c r="C48" s="64" t="s">
        <v>181</v>
      </c>
      <c r="D48" s="52"/>
      <c r="E48" s="87"/>
      <c r="F48" s="88"/>
    </row>
    <row r="49" spans="2:6" s="4" customFormat="1" ht="30" customHeight="1" x14ac:dyDescent="0.25">
      <c r="B49" s="59" t="s">
        <v>61</v>
      </c>
      <c r="C49" s="64" t="s">
        <v>182</v>
      </c>
      <c r="D49" s="52"/>
      <c r="E49" s="87"/>
      <c r="F49" s="88"/>
    </row>
    <row r="50" spans="2:6" s="4" customFormat="1" ht="30" customHeight="1" x14ac:dyDescent="0.25">
      <c r="B50" s="59" t="s">
        <v>62</v>
      </c>
      <c r="C50" s="64" t="s">
        <v>180</v>
      </c>
      <c r="D50" s="52"/>
      <c r="E50" s="87"/>
      <c r="F50" s="88"/>
    </row>
    <row r="51" spans="2:6" s="4" customFormat="1" ht="30" customHeight="1" x14ac:dyDescent="0.25">
      <c r="B51" s="59" t="s">
        <v>72</v>
      </c>
      <c r="C51" s="64" t="s">
        <v>431</v>
      </c>
      <c r="D51" s="52"/>
      <c r="E51" s="87"/>
      <c r="F51" s="88"/>
    </row>
    <row r="52" spans="2:6" s="4" customFormat="1" ht="30" customHeight="1" x14ac:dyDescent="0.25">
      <c r="B52" s="59" t="s">
        <v>63</v>
      </c>
      <c r="C52" s="64" t="s">
        <v>254</v>
      </c>
      <c r="D52" s="52"/>
      <c r="E52" s="87"/>
      <c r="F52" s="88"/>
    </row>
    <row r="53" spans="2:6" s="4" customFormat="1" ht="30" customHeight="1" x14ac:dyDescent="0.25">
      <c r="B53" s="59" t="s">
        <v>64</v>
      </c>
      <c r="C53" s="64" t="s">
        <v>183</v>
      </c>
      <c r="D53" s="52"/>
      <c r="E53" s="87"/>
      <c r="F53" s="88"/>
    </row>
    <row r="54" spans="2:6" s="4" customFormat="1" ht="30" customHeight="1" x14ac:dyDescent="0.25">
      <c r="B54" s="59" t="s">
        <v>65</v>
      </c>
      <c r="C54" s="64" t="s">
        <v>184</v>
      </c>
      <c r="D54" s="52"/>
      <c r="E54" s="87"/>
      <c r="F54" s="88"/>
    </row>
    <row r="55" spans="2:6" s="4" customFormat="1" ht="30" customHeight="1" x14ac:dyDescent="0.25">
      <c r="B55" s="59" t="s">
        <v>66</v>
      </c>
      <c r="C55" s="64" t="s">
        <v>185</v>
      </c>
      <c r="D55" s="52"/>
      <c r="E55" s="87"/>
      <c r="F55" s="88"/>
    </row>
    <row r="56" spans="2:6" s="4" customFormat="1" ht="30" customHeight="1" x14ac:dyDescent="0.25">
      <c r="B56" s="59" t="s">
        <v>73</v>
      </c>
      <c r="C56" s="64" t="s">
        <v>186</v>
      </c>
      <c r="D56" s="52"/>
      <c r="E56" s="87"/>
      <c r="F56" s="88"/>
    </row>
    <row r="57" spans="2:6" s="4" customFormat="1" ht="30" customHeight="1" x14ac:dyDescent="0.25">
      <c r="B57" s="59" t="s">
        <v>74</v>
      </c>
      <c r="C57" s="64" t="s">
        <v>187</v>
      </c>
      <c r="D57" s="52"/>
      <c r="E57" s="87"/>
      <c r="F57" s="88"/>
    </row>
    <row r="58" spans="2:6" s="4" customFormat="1" ht="30" customHeight="1" x14ac:dyDescent="0.25">
      <c r="B58" s="59" t="s">
        <v>67</v>
      </c>
      <c r="C58" s="64" t="s">
        <v>414</v>
      </c>
      <c r="D58" s="52"/>
      <c r="E58" s="87"/>
      <c r="F58" s="88"/>
    </row>
    <row r="59" spans="2:6" s="4" customFormat="1" ht="30" customHeight="1" x14ac:dyDescent="0.25">
      <c r="B59" s="59" t="s">
        <v>75</v>
      </c>
      <c r="C59" s="64" t="s">
        <v>408</v>
      </c>
      <c r="D59" s="52"/>
      <c r="E59" s="87"/>
      <c r="F59" s="88"/>
    </row>
    <row r="60" spans="2:6" s="4" customFormat="1" ht="45.75" customHeight="1" x14ac:dyDescent="0.25">
      <c r="B60" s="59" t="s">
        <v>86</v>
      </c>
      <c r="C60" s="64" t="s">
        <v>415</v>
      </c>
      <c r="D60" s="52"/>
      <c r="E60" s="87"/>
      <c r="F60" s="88"/>
    </row>
    <row r="61" spans="2:6" s="4" customFormat="1" ht="44.25" customHeight="1" x14ac:dyDescent="0.25">
      <c r="B61" s="59" t="s">
        <v>409</v>
      </c>
      <c r="C61" s="64" t="s">
        <v>416</v>
      </c>
      <c r="D61" s="52"/>
      <c r="E61" s="87"/>
      <c r="F61" s="88"/>
    </row>
    <row r="62" spans="2:6" s="4" customFormat="1" ht="56.25" customHeight="1" x14ac:dyDescent="0.25">
      <c r="B62" s="59" t="s">
        <v>410</v>
      </c>
      <c r="C62" s="64" t="s">
        <v>417</v>
      </c>
      <c r="D62" s="52"/>
      <c r="E62" s="87"/>
      <c r="F62" s="88"/>
    </row>
    <row r="63" spans="2:6" s="4" customFormat="1" ht="49.5" customHeight="1" x14ac:dyDescent="0.25">
      <c r="B63" s="59" t="s">
        <v>411</v>
      </c>
      <c r="C63" s="64" t="s">
        <v>418</v>
      </c>
      <c r="D63" s="52"/>
      <c r="E63" s="87"/>
      <c r="F63" s="88"/>
    </row>
    <row r="64" spans="2:6" s="4" customFormat="1" ht="69.75" customHeight="1" x14ac:dyDescent="0.25">
      <c r="B64" s="59" t="s">
        <v>412</v>
      </c>
      <c r="C64" s="64" t="s">
        <v>419</v>
      </c>
      <c r="D64" s="52"/>
      <c r="E64" s="87"/>
      <c r="F64" s="88"/>
    </row>
    <row r="65" spans="2:6" s="4" customFormat="1" ht="58.5" customHeight="1" x14ac:dyDescent="0.25">
      <c r="B65" s="59" t="s">
        <v>413</v>
      </c>
      <c r="C65" s="64" t="s">
        <v>420</v>
      </c>
      <c r="D65" s="52"/>
      <c r="E65" s="87"/>
      <c r="F65" s="88"/>
    </row>
    <row r="66" spans="2:6" s="4" customFormat="1" ht="49.5" customHeight="1" x14ac:dyDescent="0.25">
      <c r="B66" s="59" t="s">
        <v>76</v>
      </c>
      <c r="C66" s="64" t="s">
        <v>421</v>
      </c>
      <c r="D66" s="52"/>
      <c r="E66" s="87"/>
      <c r="F66" s="88"/>
    </row>
    <row r="67" spans="2:6" s="4" customFormat="1" ht="30" customHeight="1" x14ac:dyDescent="0.25">
      <c r="B67" s="59" t="s">
        <v>77</v>
      </c>
      <c r="C67" s="64" t="s">
        <v>424</v>
      </c>
      <c r="D67" s="52"/>
      <c r="E67" s="87"/>
      <c r="F67" s="88"/>
    </row>
    <row r="68" spans="2:6" s="4" customFormat="1" ht="30" customHeight="1" x14ac:dyDescent="0.25">
      <c r="B68" s="59" t="s">
        <v>80</v>
      </c>
      <c r="C68" s="64" t="s">
        <v>422</v>
      </c>
      <c r="D68" s="52"/>
      <c r="E68" s="87"/>
      <c r="F68" s="88"/>
    </row>
    <row r="69" spans="2:6" s="4" customFormat="1" ht="30" customHeight="1" x14ac:dyDescent="0.25">
      <c r="B69" s="59" t="s">
        <v>81</v>
      </c>
      <c r="C69" s="64" t="s">
        <v>189</v>
      </c>
      <c r="D69" s="52"/>
      <c r="E69" s="87"/>
      <c r="F69" s="88"/>
    </row>
    <row r="70" spans="2:6" s="4" customFormat="1" ht="30" customHeight="1" x14ac:dyDescent="0.25">
      <c r="B70" s="59" t="s">
        <v>82</v>
      </c>
      <c r="C70" s="64" t="s">
        <v>190</v>
      </c>
      <c r="D70" s="52"/>
      <c r="E70" s="87"/>
      <c r="F70" s="88"/>
    </row>
    <row r="71" spans="2:6" s="4" customFormat="1" ht="30" customHeight="1" x14ac:dyDescent="0.25">
      <c r="B71" s="59" t="s">
        <v>83</v>
      </c>
      <c r="C71" s="64" t="s">
        <v>191</v>
      </c>
      <c r="D71" s="52"/>
      <c r="E71" s="87"/>
      <c r="F71" s="88"/>
    </row>
    <row r="72" spans="2:6" s="4" customFormat="1" ht="51" x14ac:dyDescent="0.25">
      <c r="B72" s="59" t="s">
        <v>84</v>
      </c>
      <c r="C72" s="64" t="s">
        <v>192</v>
      </c>
      <c r="D72" s="52"/>
      <c r="E72" s="87"/>
      <c r="F72" s="88"/>
    </row>
    <row r="73" spans="2:6" s="4" customFormat="1" ht="30" customHeight="1" x14ac:dyDescent="0.25">
      <c r="B73" s="59" t="s">
        <v>85</v>
      </c>
      <c r="C73" s="64" t="s">
        <v>193</v>
      </c>
      <c r="D73" s="52"/>
      <c r="E73" s="87"/>
      <c r="F73" s="88"/>
    </row>
    <row r="74" spans="2:6" s="4" customFormat="1" ht="56.25" customHeight="1" x14ac:dyDescent="0.25">
      <c r="B74" s="59" t="s">
        <v>162</v>
      </c>
      <c r="C74" s="64" t="s">
        <v>194</v>
      </c>
      <c r="D74" s="52"/>
      <c r="E74" s="87"/>
      <c r="F74" s="88"/>
    </row>
    <row r="75" spans="2:6" s="4" customFormat="1" ht="30" customHeight="1" x14ac:dyDescent="0.25">
      <c r="B75" s="65" t="s">
        <v>164</v>
      </c>
      <c r="C75" s="67" t="s">
        <v>195</v>
      </c>
      <c r="D75" s="68"/>
      <c r="E75" s="87"/>
      <c r="F75" s="88"/>
    </row>
    <row r="76" spans="2:6" s="4" customFormat="1" ht="30" customHeight="1" x14ac:dyDescent="0.25">
      <c r="B76" s="65" t="s">
        <v>196</v>
      </c>
      <c r="C76" s="67" t="s">
        <v>199</v>
      </c>
      <c r="D76" s="68"/>
      <c r="E76" s="87"/>
      <c r="F76" s="88"/>
    </row>
    <row r="77" spans="2:6" s="4" customFormat="1" ht="30" customHeight="1" x14ac:dyDescent="0.25">
      <c r="B77" s="65" t="s">
        <v>197</v>
      </c>
      <c r="C77" s="67" t="s">
        <v>203</v>
      </c>
      <c r="D77" s="68"/>
      <c r="E77" s="87"/>
      <c r="F77" s="88"/>
    </row>
    <row r="78" spans="2:6" s="4" customFormat="1" ht="30" customHeight="1" x14ac:dyDescent="0.25">
      <c r="B78" s="65" t="s">
        <v>200</v>
      </c>
      <c r="C78" s="67" t="s">
        <v>204</v>
      </c>
      <c r="D78" s="68"/>
      <c r="E78" s="87"/>
      <c r="F78" s="88"/>
    </row>
    <row r="79" spans="2:6" s="4" customFormat="1" ht="30" customHeight="1" x14ac:dyDescent="0.25">
      <c r="B79" s="65" t="s">
        <v>201</v>
      </c>
      <c r="C79" s="67" t="s">
        <v>205</v>
      </c>
      <c r="D79" s="68"/>
      <c r="E79" s="87"/>
      <c r="F79" s="88"/>
    </row>
    <row r="80" spans="2:6" s="4" customFormat="1" ht="30" customHeight="1" x14ac:dyDescent="0.25">
      <c r="B80" s="65" t="s">
        <v>202</v>
      </c>
      <c r="C80" s="67" t="s">
        <v>206</v>
      </c>
      <c r="D80" s="68"/>
      <c r="E80" s="87"/>
      <c r="F80" s="88"/>
    </row>
    <row r="81" spans="2:6" s="4" customFormat="1" ht="30" customHeight="1" x14ac:dyDescent="0.25">
      <c r="B81" s="65" t="s">
        <v>198</v>
      </c>
      <c r="C81" s="67" t="s">
        <v>207</v>
      </c>
      <c r="D81" s="68"/>
      <c r="E81" s="87"/>
      <c r="F81" s="88"/>
    </row>
    <row r="82" spans="2:6" s="4" customFormat="1" ht="30" customHeight="1" x14ac:dyDescent="0.25">
      <c r="B82" s="65" t="s">
        <v>209</v>
      </c>
      <c r="C82" s="67" t="s">
        <v>208</v>
      </c>
      <c r="D82" s="68"/>
      <c r="E82" s="87"/>
      <c r="F82" s="88"/>
    </row>
    <row r="83" spans="2:6" s="4" customFormat="1" ht="30" customHeight="1" thickBot="1" x14ac:dyDescent="0.3">
      <c r="B83" s="65" t="s">
        <v>210</v>
      </c>
      <c r="C83" s="67" t="s">
        <v>430</v>
      </c>
      <c r="D83" s="68"/>
      <c r="E83" s="87"/>
      <c r="F83" s="88"/>
    </row>
    <row r="84" spans="2:6" s="25" customFormat="1" ht="30.75" customHeight="1" x14ac:dyDescent="0.25">
      <c r="B84" s="92" t="s">
        <v>211</v>
      </c>
      <c r="C84" s="93"/>
      <c r="D84" s="93"/>
      <c r="E84" s="93"/>
      <c r="F84" s="94"/>
    </row>
    <row r="85" spans="2:6" s="4" customFormat="1" ht="42.75" customHeight="1" x14ac:dyDescent="0.25">
      <c r="B85" s="65" t="s">
        <v>16</v>
      </c>
      <c r="C85" s="67" t="s">
        <v>423</v>
      </c>
      <c r="D85" s="68"/>
      <c r="E85" s="87"/>
      <c r="F85" s="88"/>
    </row>
    <row r="86" spans="2:6" s="4" customFormat="1" ht="30" customHeight="1" x14ac:dyDescent="0.25">
      <c r="B86" s="65" t="s">
        <v>58</v>
      </c>
      <c r="C86" s="67" t="s">
        <v>178</v>
      </c>
      <c r="D86" s="68"/>
      <c r="E86" s="87"/>
      <c r="F86" s="88"/>
    </row>
    <row r="87" spans="2:6" s="4" customFormat="1" ht="30" customHeight="1" x14ac:dyDescent="0.25">
      <c r="B87" s="65" t="s">
        <v>59</v>
      </c>
      <c r="C87" s="67" t="s">
        <v>181</v>
      </c>
      <c r="D87" s="68"/>
      <c r="E87" s="87"/>
      <c r="F87" s="88"/>
    </row>
    <row r="88" spans="2:6" s="4" customFormat="1" ht="30" customHeight="1" x14ac:dyDescent="0.25">
      <c r="B88" s="65" t="s">
        <v>60</v>
      </c>
      <c r="C88" s="67" t="s">
        <v>182</v>
      </c>
      <c r="D88" s="68"/>
      <c r="E88" s="87"/>
      <c r="F88" s="88"/>
    </row>
    <row r="89" spans="2:6" s="4" customFormat="1" ht="30" customHeight="1" x14ac:dyDescent="0.25">
      <c r="B89" s="65" t="s">
        <v>61</v>
      </c>
      <c r="C89" s="67" t="s">
        <v>180</v>
      </c>
      <c r="D89" s="68"/>
      <c r="E89" s="87"/>
      <c r="F89" s="88"/>
    </row>
    <row r="90" spans="2:6" s="4" customFormat="1" ht="30" customHeight="1" x14ac:dyDescent="0.25">
      <c r="B90" s="65" t="s">
        <v>62</v>
      </c>
      <c r="C90" s="64" t="s">
        <v>431</v>
      </c>
      <c r="D90" s="68"/>
      <c r="E90" s="87"/>
      <c r="F90" s="88"/>
    </row>
    <row r="91" spans="2:6" s="4" customFormat="1" ht="40.5" customHeight="1" x14ac:dyDescent="0.25">
      <c r="B91" s="65" t="s">
        <v>72</v>
      </c>
      <c r="C91" s="67" t="s">
        <v>425</v>
      </c>
      <c r="D91" s="68"/>
      <c r="E91" s="87"/>
      <c r="F91" s="88"/>
    </row>
    <row r="92" spans="2:6" s="4" customFormat="1" ht="30" customHeight="1" x14ac:dyDescent="0.25">
      <c r="B92" s="65" t="s">
        <v>63</v>
      </c>
      <c r="C92" s="67" t="s">
        <v>183</v>
      </c>
      <c r="D92" s="68"/>
      <c r="E92" s="87"/>
      <c r="F92" s="88"/>
    </row>
    <row r="93" spans="2:6" s="4" customFormat="1" ht="30" customHeight="1" x14ac:dyDescent="0.25">
      <c r="B93" s="65" t="s">
        <v>64</v>
      </c>
      <c r="C93" s="67" t="s">
        <v>184</v>
      </c>
      <c r="D93" s="68"/>
      <c r="E93" s="87"/>
      <c r="F93" s="88"/>
    </row>
    <row r="94" spans="2:6" s="4" customFormat="1" ht="49.5" customHeight="1" x14ac:dyDescent="0.25">
      <c r="B94" s="65" t="s">
        <v>65</v>
      </c>
      <c r="C94" s="67" t="s">
        <v>212</v>
      </c>
      <c r="D94" s="68"/>
      <c r="E94" s="87"/>
      <c r="F94" s="88"/>
    </row>
    <row r="95" spans="2:6" s="4" customFormat="1" ht="42.75" customHeight="1" x14ac:dyDescent="0.25">
      <c r="B95" s="65" t="s">
        <v>66</v>
      </c>
      <c r="C95" s="67" t="s">
        <v>426</v>
      </c>
      <c r="D95" s="68"/>
      <c r="E95" s="87"/>
      <c r="F95" s="88"/>
    </row>
    <row r="96" spans="2:6" s="4" customFormat="1" ht="42.75" customHeight="1" x14ac:dyDescent="0.25">
      <c r="B96" s="65" t="s">
        <v>73</v>
      </c>
      <c r="C96" s="67" t="s">
        <v>427</v>
      </c>
      <c r="D96" s="68"/>
      <c r="E96" s="87"/>
      <c r="F96" s="88"/>
    </row>
    <row r="97" spans="2:6" s="4" customFormat="1" ht="36.75" customHeight="1" x14ac:dyDescent="0.25">
      <c r="B97" s="65" t="s">
        <v>74</v>
      </c>
      <c r="C97" s="67" t="s">
        <v>213</v>
      </c>
      <c r="D97" s="68"/>
      <c r="E97" s="87"/>
      <c r="F97" s="88"/>
    </row>
    <row r="98" spans="2:6" s="4" customFormat="1" ht="30" customHeight="1" x14ac:dyDescent="0.25">
      <c r="B98" s="65" t="s">
        <v>67</v>
      </c>
      <c r="C98" s="67" t="s">
        <v>193</v>
      </c>
      <c r="D98" s="68"/>
      <c r="E98" s="87"/>
      <c r="F98" s="88"/>
    </row>
    <row r="99" spans="2:6" s="4" customFormat="1" ht="107.25" customHeight="1" x14ac:dyDescent="0.25">
      <c r="B99" s="65" t="s">
        <v>75</v>
      </c>
      <c r="C99" s="67" t="s">
        <v>428</v>
      </c>
      <c r="D99" s="68"/>
      <c r="E99" s="87"/>
      <c r="F99" s="88"/>
    </row>
    <row r="100" spans="2:6" s="4" customFormat="1" ht="30" customHeight="1" x14ac:dyDescent="0.25">
      <c r="B100" s="65" t="s">
        <v>76</v>
      </c>
      <c r="C100" s="67" t="s">
        <v>214</v>
      </c>
      <c r="D100" s="68"/>
      <c r="E100" s="87"/>
      <c r="F100" s="88"/>
    </row>
    <row r="101" spans="2:6" s="4" customFormat="1" ht="30" customHeight="1" x14ac:dyDescent="0.25">
      <c r="B101" s="65" t="s">
        <v>77</v>
      </c>
      <c r="C101" s="67" t="s">
        <v>215</v>
      </c>
      <c r="D101" s="68"/>
      <c r="E101" s="87"/>
      <c r="F101" s="88"/>
    </row>
    <row r="102" spans="2:6" s="4" customFormat="1" ht="42.75" customHeight="1" x14ac:dyDescent="0.25">
      <c r="B102" s="65" t="s">
        <v>80</v>
      </c>
      <c r="C102" s="67" t="s">
        <v>216</v>
      </c>
      <c r="D102" s="68"/>
      <c r="E102" s="87"/>
      <c r="F102" s="88"/>
    </row>
    <row r="103" spans="2:6" s="4" customFormat="1" ht="30" customHeight="1" x14ac:dyDescent="0.25">
      <c r="B103" s="65" t="s">
        <v>81</v>
      </c>
      <c r="C103" s="67" t="s">
        <v>217</v>
      </c>
      <c r="D103" s="68"/>
      <c r="E103" s="87"/>
      <c r="F103" s="88"/>
    </row>
    <row r="104" spans="2:6" s="4" customFormat="1" ht="30" customHeight="1" x14ac:dyDescent="0.25">
      <c r="B104" s="65" t="s">
        <v>82</v>
      </c>
      <c r="C104" s="67" t="s">
        <v>218</v>
      </c>
      <c r="D104" s="68"/>
      <c r="E104" s="87"/>
      <c r="F104" s="88"/>
    </row>
    <row r="105" spans="2:6" s="4" customFormat="1" ht="51" x14ac:dyDescent="0.25">
      <c r="B105" s="65" t="s">
        <v>83</v>
      </c>
      <c r="C105" s="67" t="s">
        <v>219</v>
      </c>
      <c r="D105" s="68"/>
      <c r="E105" s="87"/>
      <c r="F105" s="88"/>
    </row>
    <row r="106" spans="2:6" s="4" customFormat="1" ht="30" customHeight="1" x14ac:dyDescent="0.25">
      <c r="B106" s="65" t="s">
        <v>84</v>
      </c>
      <c r="C106" s="67" t="s">
        <v>188</v>
      </c>
      <c r="D106" s="68"/>
      <c r="E106" s="87"/>
      <c r="F106" s="88"/>
    </row>
    <row r="107" spans="2:6" s="4" customFormat="1" ht="30" customHeight="1" x14ac:dyDescent="0.25">
      <c r="B107" s="65" t="s">
        <v>85</v>
      </c>
      <c r="C107" s="67" t="s">
        <v>220</v>
      </c>
      <c r="D107" s="68"/>
      <c r="E107" s="87"/>
      <c r="F107" s="88"/>
    </row>
    <row r="108" spans="2:6" s="4" customFormat="1" ht="30" customHeight="1" x14ac:dyDescent="0.25">
      <c r="B108" s="65" t="s">
        <v>162</v>
      </c>
      <c r="C108" s="67" t="s">
        <v>195</v>
      </c>
      <c r="D108" s="68"/>
      <c r="E108" s="87"/>
      <c r="F108" s="88"/>
    </row>
    <row r="109" spans="2:6" s="4" customFormat="1" ht="30" customHeight="1" x14ac:dyDescent="0.25">
      <c r="B109" s="65" t="s">
        <v>164</v>
      </c>
      <c r="C109" s="67" t="s">
        <v>199</v>
      </c>
      <c r="D109" s="68"/>
      <c r="E109" s="87"/>
      <c r="F109" s="88"/>
    </row>
    <row r="110" spans="2:6" s="4" customFormat="1" ht="30" customHeight="1" thickBot="1" x14ac:dyDescent="0.3">
      <c r="B110" s="65" t="s">
        <v>197</v>
      </c>
      <c r="C110" s="67" t="s">
        <v>429</v>
      </c>
      <c r="D110" s="68"/>
      <c r="E110" s="87"/>
      <c r="F110" s="88"/>
    </row>
    <row r="111" spans="2:6" s="25" customFormat="1" ht="30.75" customHeight="1" x14ac:dyDescent="0.25">
      <c r="B111" s="92" t="s">
        <v>225</v>
      </c>
      <c r="C111" s="93"/>
      <c r="D111" s="93"/>
      <c r="E111" s="93"/>
      <c r="F111" s="94"/>
    </row>
    <row r="112" spans="2:6" s="25" customFormat="1" ht="30.75" customHeight="1" x14ac:dyDescent="0.25">
      <c r="B112" s="73" t="s">
        <v>16</v>
      </c>
      <c r="C112" s="71" t="s">
        <v>251</v>
      </c>
      <c r="D112" s="68"/>
      <c r="E112" s="87"/>
      <c r="F112" s="88"/>
    </row>
    <row r="113" spans="2:6" s="25" customFormat="1" ht="30.75" customHeight="1" x14ac:dyDescent="0.25">
      <c r="B113" s="73" t="s">
        <v>58</v>
      </c>
      <c r="C113" s="72" t="s">
        <v>226</v>
      </c>
      <c r="D113" s="68"/>
      <c r="E113" s="87"/>
      <c r="F113" s="88"/>
    </row>
    <row r="114" spans="2:6" s="25" customFormat="1" ht="30.75" customHeight="1" x14ac:dyDescent="0.25">
      <c r="B114" s="73" t="s">
        <v>70</v>
      </c>
      <c r="C114" s="72" t="s">
        <v>227</v>
      </c>
      <c r="D114" s="68"/>
      <c r="E114" s="87"/>
      <c r="F114" s="88"/>
    </row>
    <row r="115" spans="2:6" s="25" customFormat="1" ht="30.75" customHeight="1" x14ac:dyDescent="0.25">
      <c r="B115" s="73" t="s">
        <v>228</v>
      </c>
      <c r="C115" s="72" t="s">
        <v>229</v>
      </c>
      <c r="D115" s="68"/>
      <c r="E115" s="87"/>
      <c r="F115" s="88"/>
    </row>
    <row r="116" spans="2:6" s="25" customFormat="1" ht="42.75" customHeight="1" x14ac:dyDescent="0.25">
      <c r="B116" s="73" t="s">
        <v>230</v>
      </c>
      <c r="C116" s="72" t="s">
        <v>231</v>
      </c>
      <c r="D116" s="68"/>
      <c r="E116" s="87"/>
      <c r="F116" s="88"/>
    </row>
    <row r="117" spans="2:6" s="25" customFormat="1" ht="30.75" customHeight="1" x14ac:dyDescent="0.25">
      <c r="B117" s="73" t="s">
        <v>71</v>
      </c>
      <c r="C117" s="72" t="s">
        <v>232</v>
      </c>
      <c r="D117" s="68"/>
      <c r="E117" s="87"/>
      <c r="F117" s="88"/>
    </row>
    <row r="118" spans="2:6" s="25" customFormat="1" ht="30.75" customHeight="1" x14ac:dyDescent="0.25">
      <c r="B118" s="73" t="s">
        <v>93</v>
      </c>
      <c r="C118" s="72" t="s">
        <v>233</v>
      </c>
      <c r="D118" s="68"/>
      <c r="E118" s="87"/>
      <c r="F118" s="88"/>
    </row>
    <row r="119" spans="2:6" s="25" customFormat="1" ht="30.75" customHeight="1" x14ac:dyDescent="0.25">
      <c r="B119" s="73" t="s">
        <v>94</v>
      </c>
      <c r="C119" s="72" t="s">
        <v>234</v>
      </c>
      <c r="D119" s="68"/>
      <c r="E119" s="87"/>
      <c r="F119" s="88"/>
    </row>
    <row r="120" spans="2:6" s="4" customFormat="1" ht="57" customHeight="1" x14ac:dyDescent="0.25">
      <c r="B120" s="73" t="s">
        <v>235</v>
      </c>
      <c r="C120" s="72" t="s">
        <v>236</v>
      </c>
      <c r="D120" s="68"/>
      <c r="E120" s="87"/>
      <c r="F120" s="88"/>
    </row>
    <row r="121" spans="2:6" s="4" customFormat="1" ht="45" customHeight="1" x14ac:dyDescent="0.25">
      <c r="B121" s="73" t="s">
        <v>237</v>
      </c>
      <c r="C121" s="72" t="s">
        <v>231</v>
      </c>
      <c r="D121" s="68"/>
      <c r="E121" s="87"/>
      <c r="F121" s="88"/>
    </row>
    <row r="122" spans="2:6" s="4" customFormat="1" ht="30" customHeight="1" x14ac:dyDescent="0.25">
      <c r="B122" s="73" t="s">
        <v>95</v>
      </c>
      <c r="C122" s="72" t="s">
        <v>238</v>
      </c>
      <c r="D122" s="68"/>
      <c r="E122" s="87"/>
      <c r="F122" s="88"/>
    </row>
    <row r="123" spans="2:6" s="4" customFormat="1" ht="30" customHeight="1" x14ac:dyDescent="0.25">
      <c r="B123" s="73" t="s">
        <v>96</v>
      </c>
      <c r="C123" s="71" t="s">
        <v>239</v>
      </c>
      <c r="D123" s="68"/>
      <c r="E123" s="87"/>
      <c r="F123" s="88"/>
    </row>
    <row r="124" spans="2:6" s="4" customFormat="1" ht="30" customHeight="1" x14ac:dyDescent="0.25">
      <c r="B124" s="73" t="s">
        <v>59</v>
      </c>
      <c r="C124" s="72" t="s">
        <v>240</v>
      </c>
      <c r="D124" s="68"/>
      <c r="E124" s="87"/>
      <c r="F124" s="88"/>
    </row>
    <row r="125" spans="2:6" s="4" customFormat="1" ht="30" customHeight="1" x14ac:dyDescent="0.25">
      <c r="B125" s="73" t="s">
        <v>60</v>
      </c>
      <c r="C125" s="72" t="s">
        <v>252</v>
      </c>
      <c r="D125" s="68"/>
      <c r="E125" s="87"/>
      <c r="F125" s="88"/>
    </row>
    <row r="126" spans="2:6" s="4" customFormat="1" ht="41.25" customHeight="1" x14ac:dyDescent="0.25">
      <c r="B126" s="73" t="s">
        <v>61</v>
      </c>
      <c r="C126" s="72" t="s">
        <v>241</v>
      </c>
      <c r="D126" s="68"/>
      <c r="E126" s="87"/>
      <c r="F126" s="88"/>
    </row>
    <row r="127" spans="2:6" s="4" customFormat="1" ht="30" customHeight="1" x14ac:dyDescent="0.25">
      <c r="B127" s="76" t="s">
        <v>104</v>
      </c>
      <c r="C127" s="72" t="s">
        <v>242</v>
      </c>
      <c r="D127" s="68"/>
      <c r="E127" s="87"/>
      <c r="F127" s="88"/>
    </row>
    <row r="128" spans="2:6" s="4" customFormat="1" ht="69" customHeight="1" x14ac:dyDescent="0.25">
      <c r="B128" s="76" t="s">
        <v>105</v>
      </c>
      <c r="C128" s="72" t="s">
        <v>243</v>
      </c>
      <c r="D128" s="68"/>
      <c r="E128" s="87"/>
      <c r="F128" s="88"/>
    </row>
    <row r="129" spans="2:6" s="4" customFormat="1" ht="55.5" customHeight="1" x14ac:dyDescent="0.25">
      <c r="B129" s="73" t="s">
        <v>62</v>
      </c>
      <c r="C129" s="72" t="s">
        <v>244</v>
      </c>
      <c r="D129" s="68"/>
      <c r="E129" s="87"/>
      <c r="F129" s="88"/>
    </row>
    <row r="130" spans="2:6" s="4" customFormat="1" ht="30" customHeight="1" x14ac:dyDescent="0.25">
      <c r="B130" s="73" t="s">
        <v>72</v>
      </c>
      <c r="C130" s="72" t="s">
        <v>245</v>
      </c>
      <c r="D130" s="68"/>
      <c r="E130" s="87"/>
      <c r="F130" s="88"/>
    </row>
    <row r="131" spans="2:6" s="4" customFormat="1" ht="30" customHeight="1" x14ac:dyDescent="0.25">
      <c r="B131" s="73" t="s">
        <v>63</v>
      </c>
      <c r="C131" s="72" t="s">
        <v>246</v>
      </c>
      <c r="D131" s="68"/>
      <c r="E131" s="87"/>
      <c r="F131" s="88"/>
    </row>
    <row r="132" spans="2:6" s="4" customFormat="1" ht="30" customHeight="1" x14ac:dyDescent="0.25">
      <c r="B132" s="73" t="s">
        <v>64</v>
      </c>
      <c r="C132" s="72" t="s">
        <v>247</v>
      </c>
      <c r="D132" s="68"/>
      <c r="E132" s="87"/>
      <c r="F132" s="88"/>
    </row>
    <row r="133" spans="2:6" s="4" customFormat="1" ht="45" customHeight="1" x14ac:dyDescent="0.25">
      <c r="B133" s="73" t="s">
        <v>65</v>
      </c>
      <c r="C133" s="72" t="s">
        <v>248</v>
      </c>
      <c r="D133" s="68"/>
      <c r="E133" s="87"/>
      <c r="F133" s="88"/>
    </row>
    <row r="134" spans="2:6" s="4" customFormat="1" ht="58.5" customHeight="1" x14ac:dyDescent="0.25">
      <c r="B134" s="73" t="s">
        <v>66</v>
      </c>
      <c r="C134" s="72" t="s">
        <v>249</v>
      </c>
      <c r="D134" s="52"/>
      <c r="E134" s="87"/>
      <c r="F134" s="88"/>
    </row>
    <row r="135" spans="2:6" s="4" customFormat="1" ht="30" customHeight="1" thickBot="1" x14ac:dyDescent="0.3">
      <c r="B135" s="74" t="s">
        <v>73</v>
      </c>
      <c r="C135" s="75" t="s">
        <v>407</v>
      </c>
      <c r="D135" s="53"/>
      <c r="E135" s="81"/>
      <c r="F135" s="82"/>
    </row>
    <row r="136" spans="2:6" s="25" customFormat="1" ht="30.75" customHeight="1" x14ac:dyDescent="0.25">
      <c r="B136" s="92" t="s">
        <v>250</v>
      </c>
      <c r="C136" s="93"/>
      <c r="D136" s="93"/>
      <c r="E136" s="93"/>
      <c r="F136" s="94"/>
    </row>
    <row r="137" spans="2:6" s="25" customFormat="1" ht="30.75" customHeight="1" x14ac:dyDescent="0.25">
      <c r="B137" s="73" t="s">
        <v>16</v>
      </c>
      <c r="C137" s="71" t="s">
        <v>251</v>
      </c>
      <c r="D137" s="68"/>
      <c r="E137" s="87"/>
      <c r="F137" s="88"/>
    </row>
    <row r="138" spans="2:6" s="25" customFormat="1" ht="30.75" customHeight="1" x14ac:dyDescent="0.25">
      <c r="B138" s="73" t="s">
        <v>58</v>
      </c>
      <c r="C138" s="72" t="s">
        <v>226</v>
      </c>
      <c r="D138" s="68"/>
      <c r="E138" s="87"/>
      <c r="F138" s="88"/>
    </row>
    <row r="139" spans="2:6" s="25" customFormat="1" ht="30.75" customHeight="1" x14ac:dyDescent="0.25">
      <c r="B139" s="73" t="s">
        <v>70</v>
      </c>
      <c r="C139" s="72" t="s">
        <v>227</v>
      </c>
      <c r="D139" s="68"/>
      <c r="E139" s="87"/>
      <c r="F139" s="88"/>
    </row>
    <row r="140" spans="2:6" s="25" customFormat="1" ht="30.75" customHeight="1" x14ac:dyDescent="0.25">
      <c r="B140" s="73" t="s">
        <v>228</v>
      </c>
      <c r="C140" s="72" t="s">
        <v>229</v>
      </c>
      <c r="D140" s="68"/>
      <c r="E140" s="87"/>
      <c r="F140" s="88"/>
    </row>
    <row r="141" spans="2:6" s="25" customFormat="1" ht="42" customHeight="1" x14ac:dyDescent="0.25">
      <c r="B141" s="73" t="s">
        <v>230</v>
      </c>
      <c r="C141" s="72" t="s">
        <v>231</v>
      </c>
      <c r="D141" s="68"/>
      <c r="E141" s="87"/>
      <c r="F141" s="88"/>
    </row>
    <row r="142" spans="2:6" s="25" customFormat="1" ht="30.75" customHeight="1" x14ac:dyDescent="0.25">
      <c r="B142" s="73" t="s">
        <v>71</v>
      </c>
      <c r="C142" s="72" t="s">
        <v>232</v>
      </c>
      <c r="D142" s="68"/>
      <c r="E142" s="87"/>
      <c r="F142" s="88"/>
    </row>
    <row r="143" spans="2:6" s="25" customFormat="1" ht="30.75" customHeight="1" x14ac:dyDescent="0.25">
      <c r="B143" s="73" t="s">
        <v>93</v>
      </c>
      <c r="C143" s="72" t="s">
        <v>233</v>
      </c>
      <c r="D143" s="68"/>
      <c r="E143" s="87"/>
      <c r="F143" s="88"/>
    </row>
    <row r="144" spans="2:6" s="25" customFormat="1" ht="30.75" customHeight="1" x14ac:dyDescent="0.25">
      <c r="B144" s="73" t="s">
        <v>94</v>
      </c>
      <c r="C144" s="72" t="s">
        <v>234</v>
      </c>
      <c r="D144" s="68"/>
      <c r="E144" s="87"/>
      <c r="F144" s="88"/>
    </row>
    <row r="145" spans="2:6" s="4" customFormat="1" ht="56.25" customHeight="1" x14ac:dyDescent="0.25">
      <c r="B145" s="73" t="s">
        <v>235</v>
      </c>
      <c r="C145" s="72" t="s">
        <v>236</v>
      </c>
      <c r="D145" s="68"/>
      <c r="E145" s="87"/>
      <c r="F145" s="88"/>
    </row>
    <row r="146" spans="2:6" s="4" customFormat="1" ht="46.5" customHeight="1" x14ac:dyDescent="0.25">
      <c r="B146" s="73" t="s">
        <v>237</v>
      </c>
      <c r="C146" s="72" t="s">
        <v>231</v>
      </c>
      <c r="D146" s="68"/>
      <c r="E146" s="87"/>
      <c r="F146" s="88"/>
    </row>
    <row r="147" spans="2:6" s="4" customFormat="1" ht="30" customHeight="1" x14ac:dyDescent="0.25">
      <c r="B147" s="73" t="s">
        <v>95</v>
      </c>
      <c r="C147" s="72" t="s">
        <v>238</v>
      </c>
      <c r="D147" s="68"/>
      <c r="E147" s="87"/>
      <c r="F147" s="88"/>
    </row>
    <row r="148" spans="2:6" s="4" customFormat="1" ht="30" customHeight="1" x14ac:dyDescent="0.25">
      <c r="B148" s="73" t="s">
        <v>96</v>
      </c>
      <c r="C148" s="71" t="s">
        <v>239</v>
      </c>
      <c r="D148" s="68"/>
      <c r="E148" s="87"/>
      <c r="F148" s="88"/>
    </row>
    <row r="149" spans="2:6" s="4" customFormat="1" ht="30" customHeight="1" x14ac:dyDescent="0.25">
      <c r="B149" s="73" t="s">
        <v>59</v>
      </c>
      <c r="C149" s="72" t="s">
        <v>240</v>
      </c>
      <c r="D149" s="68"/>
      <c r="E149" s="87"/>
      <c r="F149" s="88"/>
    </row>
    <row r="150" spans="2:6" s="4" customFormat="1" ht="30.75" customHeight="1" x14ac:dyDescent="0.25">
      <c r="B150" s="73" t="s">
        <v>60</v>
      </c>
      <c r="C150" s="72" t="s">
        <v>252</v>
      </c>
      <c r="D150" s="68"/>
      <c r="E150" s="87"/>
      <c r="F150" s="88"/>
    </row>
    <row r="151" spans="2:6" s="4" customFormat="1" ht="30" customHeight="1" x14ac:dyDescent="0.25">
      <c r="B151" s="73" t="s">
        <v>61</v>
      </c>
      <c r="C151" s="72" t="s">
        <v>253</v>
      </c>
      <c r="D151" s="68"/>
      <c r="E151" s="87"/>
      <c r="F151" s="88"/>
    </row>
    <row r="152" spans="2:6" s="4" customFormat="1" ht="30" customHeight="1" x14ac:dyDescent="0.25">
      <c r="B152" s="73" t="s">
        <v>104</v>
      </c>
      <c r="C152" s="72" t="s">
        <v>242</v>
      </c>
      <c r="D152" s="68"/>
      <c r="E152" s="87"/>
      <c r="F152" s="88"/>
    </row>
    <row r="153" spans="2:6" s="4" customFormat="1" ht="70.5" customHeight="1" x14ac:dyDescent="0.25">
      <c r="B153" s="73" t="s">
        <v>105</v>
      </c>
      <c r="C153" s="72" t="s">
        <v>243</v>
      </c>
      <c r="D153" s="68"/>
      <c r="E153" s="87"/>
      <c r="F153" s="88"/>
    </row>
    <row r="154" spans="2:6" s="4" customFormat="1" ht="59.25" customHeight="1" x14ac:dyDescent="0.25">
      <c r="B154" s="73" t="s">
        <v>62</v>
      </c>
      <c r="C154" s="72" t="s">
        <v>244</v>
      </c>
      <c r="D154" s="68"/>
      <c r="E154" s="87"/>
      <c r="F154" s="88"/>
    </row>
    <row r="155" spans="2:6" s="4" customFormat="1" ht="30" customHeight="1" x14ac:dyDescent="0.25">
      <c r="B155" s="73" t="s">
        <v>72</v>
      </c>
      <c r="C155" s="72" t="s">
        <v>245</v>
      </c>
      <c r="D155" s="68"/>
      <c r="E155" s="87"/>
      <c r="F155" s="88"/>
    </row>
    <row r="156" spans="2:6" s="4" customFormat="1" ht="30" customHeight="1" x14ac:dyDescent="0.25">
      <c r="B156" s="73" t="s">
        <v>63</v>
      </c>
      <c r="C156" s="72" t="s">
        <v>246</v>
      </c>
      <c r="D156" s="68"/>
      <c r="E156" s="87"/>
      <c r="F156" s="88"/>
    </row>
    <row r="157" spans="2:6" s="4" customFormat="1" ht="30" customHeight="1" x14ac:dyDescent="0.25">
      <c r="B157" s="73" t="s">
        <v>64</v>
      </c>
      <c r="C157" s="72" t="s">
        <v>247</v>
      </c>
      <c r="D157" s="68"/>
      <c r="E157" s="87"/>
      <c r="F157" s="88"/>
    </row>
    <row r="158" spans="2:6" s="4" customFormat="1" ht="44.25" customHeight="1" x14ac:dyDescent="0.25">
      <c r="B158" s="73" t="s">
        <v>65</v>
      </c>
      <c r="C158" s="72" t="s">
        <v>248</v>
      </c>
      <c r="D158" s="68"/>
      <c r="E158" s="87"/>
      <c r="F158" s="88"/>
    </row>
    <row r="159" spans="2:6" s="4" customFormat="1" ht="57" customHeight="1" x14ac:dyDescent="0.25">
      <c r="B159" s="73" t="s">
        <v>66</v>
      </c>
      <c r="C159" s="72" t="s">
        <v>249</v>
      </c>
      <c r="D159" s="52"/>
      <c r="E159" s="87"/>
      <c r="F159" s="88"/>
    </row>
    <row r="160" spans="2:6" s="4" customFormat="1" ht="30" customHeight="1" thickBot="1" x14ac:dyDescent="0.3">
      <c r="B160" s="74" t="s">
        <v>73</v>
      </c>
      <c r="C160" s="75" t="s">
        <v>407</v>
      </c>
      <c r="D160" s="53"/>
      <c r="E160" s="81"/>
      <c r="F160" s="82"/>
    </row>
    <row r="161" spans="2:6" s="3" customFormat="1" ht="5.0999999999999996" customHeight="1" x14ac:dyDescent="0.25">
      <c r="B161" s="5"/>
      <c r="C161" s="5"/>
      <c r="D161" s="7"/>
      <c r="E161" s="7"/>
      <c r="F161" s="26"/>
    </row>
    <row r="162" spans="2:6" s="2" customFormat="1" ht="20.100000000000001" customHeight="1" x14ac:dyDescent="0.25">
      <c r="B162" s="104" t="s">
        <v>48</v>
      </c>
      <c r="C162" s="104"/>
      <c r="D162" s="104"/>
      <c r="E162" s="104"/>
      <c r="F162" s="104"/>
    </row>
    <row r="163" spans="2:6" s="2" customFormat="1" ht="5.0999999999999996" customHeight="1" thickBot="1" x14ac:dyDescent="0.3">
      <c r="B163" s="15"/>
      <c r="D163" s="6"/>
      <c r="E163" s="6"/>
      <c r="F163" s="6"/>
    </row>
    <row r="164" spans="2:6" s="3" customFormat="1" ht="69" customHeight="1" x14ac:dyDescent="0.25">
      <c r="B164" s="110" t="s">
        <v>8</v>
      </c>
      <c r="C164" s="111"/>
      <c r="D164" s="115" t="s">
        <v>31</v>
      </c>
      <c r="E164" s="116"/>
      <c r="F164" s="117"/>
    </row>
    <row r="165" spans="2:6" s="3" customFormat="1" ht="30" customHeight="1" thickBot="1" x14ac:dyDescent="0.3">
      <c r="B165" s="112"/>
      <c r="C165" s="113"/>
      <c r="D165" s="24" t="s">
        <v>7</v>
      </c>
      <c r="E165" s="131" t="s">
        <v>32</v>
      </c>
      <c r="F165" s="132"/>
    </row>
    <row r="166" spans="2:6" s="3" customFormat="1" ht="30" customHeight="1" x14ac:dyDescent="0.25">
      <c r="B166" s="89" t="s">
        <v>255</v>
      </c>
      <c r="C166" s="90"/>
      <c r="D166" s="90"/>
      <c r="E166" s="90"/>
      <c r="F166" s="91"/>
    </row>
    <row r="167" spans="2:6" s="2" customFormat="1" ht="30.75" customHeight="1" x14ac:dyDescent="0.25">
      <c r="B167" s="61" t="s">
        <v>16</v>
      </c>
      <c r="C167" s="27" t="s">
        <v>89</v>
      </c>
      <c r="D167" s="52"/>
      <c r="E167" s="83"/>
      <c r="F167" s="84"/>
    </row>
    <row r="168" spans="2:6" s="2" customFormat="1" ht="30.75" customHeight="1" x14ac:dyDescent="0.25">
      <c r="B168" s="61" t="s">
        <v>58</v>
      </c>
      <c r="C168" s="27" t="s">
        <v>90</v>
      </c>
      <c r="D168" s="52"/>
      <c r="E168" s="83"/>
      <c r="F168" s="84"/>
    </row>
    <row r="169" spans="2:6" s="2" customFormat="1" ht="42" customHeight="1" x14ac:dyDescent="0.25">
      <c r="B169" s="51" t="s">
        <v>70</v>
      </c>
      <c r="C169" s="27" t="s">
        <v>165</v>
      </c>
      <c r="D169" s="52"/>
      <c r="E169" s="83"/>
      <c r="F169" s="84"/>
    </row>
    <row r="170" spans="2:6" s="2" customFormat="1" ht="30.75" customHeight="1" x14ac:dyDescent="0.25">
      <c r="B170" s="51" t="s">
        <v>71</v>
      </c>
      <c r="C170" s="27" t="s">
        <v>91</v>
      </c>
      <c r="D170" s="52"/>
      <c r="E170" s="83"/>
      <c r="F170" s="84"/>
    </row>
    <row r="171" spans="2:6" s="2" customFormat="1" ht="30.75" customHeight="1" x14ac:dyDescent="0.25">
      <c r="B171" s="51" t="s">
        <v>93</v>
      </c>
      <c r="C171" s="27" t="s">
        <v>92</v>
      </c>
      <c r="D171" s="52"/>
      <c r="E171" s="83"/>
      <c r="F171" s="84"/>
    </row>
    <row r="172" spans="2:6" s="2" customFormat="1" ht="57.75" customHeight="1" x14ac:dyDescent="0.25">
      <c r="B172" s="51" t="s">
        <v>94</v>
      </c>
      <c r="C172" s="27" t="s">
        <v>97</v>
      </c>
      <c r="D172" s="52"/>
      <c r="E172" s="83"/>
      <c r="F172" s="84"/>
    </row>
    <row r="173" spans="2:6" s="2" customFormat="1" ht="30.75" customHeight="1" x14ac:dyDescent="0.25">
      <c r="B173" s="51" t="s">
        <v>95</v>
      </c>
      <c r="C173" s="27" t="s">
        <v>98</v>
      </c>
      <c r="D173" s="52"/>
      <c r="E173" s="83"/>
      <c r="F173" s="84"/>
    </row>
    <row r="174" spans="2:6" s="2" customFormat="1" ht="141" customHeight="1" x14ac:dyDescent="0.25">
      <c r="B174" s="51" t="s">
        <v>96</v>
      </c>
      <c r="C174" s="27" t="s">
        <v>99</v>
      </c>
      <c r="D174" s="52"/>
      <c r="E174" s="83"/>
      <c r="F174" s="84"/>
    </row>
    <row r="175" spans="2:6" s="2" customFormat="1" ht="97.5" customHeight="1" x14ac:dyDescent="0.25">
      <c r="B175" s="51" t="s">
        <v>100</v>
      </c>
      <c r="C175" s="27" t="s">
        <v>101</v>
      </c>
      <c r="D175" s="52"/>
      <c r="E175" s="83"/>
      <c r="F175" s="84"/>
    </row>
    <row r="176" spans="2:6" s="2" customFormat="1" ht="30.75" customHeight="1" x14ac:dyDescent="0.25">
      <c r="B176" s="61" t="s">
        <v>59</v>
      </c>
      <c r="C176" s="27" t="s">
        <v>102</v>
      </c>
      <c r="D176" s="52"/>
      <c r="E176" s="83"/>
      <c r="F176" s="84"/>
    </row>
    <row r="177" spans="2:6" s="2" customFormat="1" ht="96.75" customHeight="1" x14ac:dyDescent="0.25">
      <c r="B177" s="61" t="s">
        <v>60</v>
      </c>
      <c r="C177" s="27" t="s">
        <v>103</v>
      </c>
      <c r="D177" s="52"/>
      <c r="E177" s="83"/>
      <c r="F177" s="84"/>
    </row>
    <row r="178" spans="2:6" s="2" customFormat="1" ht="45" customHeight="1" x14ac:dyDescent="0.25">
      <c r="B178" s="61" t="s">
        <v>61</v>
      </c>
      <c r="C178" s="27" t="s">
        <v>109</v>
      </c>
      <c r="D178" s="52"/>
      <c r="E178" s="83"/>
      <c r="F178" s="84"/>
    </row>
    <row r="179" spans="2:6" s="2" customFormat="1" ht="30.75" customHeight="1" x14ac:dyDescent="0.25">
      <c r="B179" s="51" t="s">
        <v>104</v>
      </c>
      <c r="C179" s="27" t="s">
        <v>110</v>
      </c>
      <c r="D179" s="52"/>
      <c r="E179" s="83"/>
      <c r="F179" s="84"/>
    </row>
    <row r="180" spans="2:6" s="2" customFormat="1" ht="30.75" customHeight="1" x14ac:dyDescent="0.25">
      <c r="B180" s="51" t="s">
        <v>105</v>
      </c>
      <c r="C180" s="27" t="s">
        <v>111</v>
      </c>
      <c r="D180" s="52"/>
      <c r="E180" s="83"/>
      <c r="F180" s="84"/>
    </row>
    <row r="181" spans="2:6" s="2" customFormat="1" ht="30.75" customHeight="1" x14ac:dyDescent="0.25">
      <c r="B181" s="51" t="s">
        <v>106</v>
      </c>
      <c r="C181" s="27" t="s">
        <v>112</v>
      </c>
      <c r="D181" s="52"/>
      <c r="E181" s="83"/>
      <c r="F181" s="84"/>
    </row>
    <row r="182" spans="2:6" s="2" customFormat="1" ht="30.75" customHeight="1" x14ac:dyDescent="0.25">
      <c r="B182" s="51" t="s">
        <v>107</v>
      </c>
      <c r="C182" s="27" t="s">
        <v>113</v>
      </c>
      <c r="D182" s="52"/>
      <c r="E182" s="83"/>
      <c r="F182" s="84"/>
    </row>
    <row r="183" spans="2:6" s="2" customFormat="1" ht="30.75" customHeight="1" x14ac:dyDescent="0.25">
      <c r="B183" s="51" t="s">
        <v>108</v>
      </c>
      <c r="C183" s="27" t="s">
        <v>114</v>
      </c>
      <c r="D183" s="52"/>
      <c r="E183" s="83"/>
      <c r="F183" s="84"/>
    </row>
    <row r="184" spans="2:6" s="2" customFormat="1" ht="103.5" customHeight="1" x14ac:dyDescent="0.25">
      <c r="B184" s="61" t="s">
        <v>62</v>
      </c>
      <c r="C184" s="27" t="s">
        <v>115</v>
      </c>
      <c r="D184" s="52"/>
      <c r="E184" s="83"/>
      <c r="F184" s="84"/>
    </row>
    <row r="185" spans="2:6" s="2" customFormat="1" ht="87.75" customHeight="1" x14ac:dyDescent="0.25">
      <c r="B185" s="61" t="s">
        <v>72</v>
      </c>
      <c r="C185" s="27" t="s">
        <v>402</v>
      </c>
      <c r="D185" s="52"/>
      <c r="E185" s="83"/>
      <c r="F185" s="84"/>
    </row>
    <row r="186" spans="2:6" s="2" customFormat="1" ht="48.75" customHeight="1" x14ac:dyDescent="0.25">
      <c r="B186" s="61" t="s">
        <v>63</v>
      </c>
      <c r="C186" s="27" t="s">
        <v>116</v>
      </c>
      <c r="D186" s="52"/>
      <c r="E186" s="83"/>
      <c r="F186" s="84"/>
    </row>
    <row r="187" spans="2:6" s="2" customFormat="1" ht="114" customHeight="1" x14ac:dyDescent="0.25">
      <c r="B187" s="61" t="s">
        <v>64</v>
      </c>
      <c r="C187" s="27" t="s">
        <v>117</v>
      </c>
      <c r="D187" s="52"/>
      <c r="E187" s="83"/>
      <c r="F187" s="84"/>
    </row>
    <row r="188" spans="2:6" s="2" customFormat="1" ht="200.25" customHeight="1" x14ac:dyDescent="0.25">
      <c r="B188" s="61" t="s">
        <v>65</v>
      </c>
      <c r="C188" s="27" t="s">
        <v>118</v>
      </c>
      <c r="D188" s="52"/>
      <c r="E188" s="83"/>
      <c r="F188" s="84"/>
    </row>
    <row r="189" spans="2:6" s="2" customFormat="1" ht="46.5" customHeight="1" x14ac:dyDescent="0.25">
      <c r="B189" s="51" t="s">
        <v>119</v>
      </c>
      <c r="C189" s="27" t="s">
        <v>121</v>
      </c>
      <c r="D189" s="52"/>
      <c r="E189" s="83"/>
      <c r="F189" s="84"/>
    </row>
    <row r="190" spans="2:6" s="2" customFormat="1" ht="30.75" customHeight="1" x14ac:dyDescent="0.25">
      <c r="B190" s="51" t="s">
        <v>120</v>
      </c>
      <c r="C190" s="27" t="s">
        <v>122</v>
      </c>
      <c r="D190" s="52"/>
      <c r="E190" s="83"/>
      <c r="F190" s="84"/>
    </row>
    <row r="191" spans="2:6" s="2" customFormat="1" ht="127.5" customHeight="1" x14ac:dyDescent="0.25">
      <c r="B191" s="61" t="s">
        <v>66</v>
      </c>
      <c r="C191" s="27" t="s">
        <v>123</v>
      </c>
      <c r="D191" s="52"/>
      <c r="E191" s="83"/>
      <c r="F191" s="84"/>
    </row>
    <row r="192" spans="2:6" s="2" customFormat="1" ht="93.75" customHeight="1" x14ac:dyDescent="0.25">
      <c r="B192" s="61" t="s">
        <v>73</v>
      </c>
      <c r="C192" s="27" t="s">
        <v>124</v>
      </c>
      <c r="D192" s="52"/>
      <c r="E192" s="83"/>
      <c r="F192" s="84"/>
    </row>
    <row r="193" spans="2:6" s="2" customFormat="1" ht="30.75" customHeight="1" x14ac:dyDescent="0.25">
      <c r="B193" s="51" t="s">
        <v>126</v>
      </c>
      <c r="C193" s="27" t="s">
        <v>125</v>
      </c>
      <c r="D193" s="52"/>
      <c r="E193" s="83"/>
      <c r="F193" s="84"/>
    </row>
    <row r="194" spans="2:6" s="2" customFormat="1" ht="44.25" customHeight="1" x14ac:dyDescent="0.25">
      <c r="B194" s="51" t="s">
        <v>129</v>
      </c>
      <c r="C194" s="27" t="s">
        <v>127</v>
      </c>
      <c r="D194" s="52"/>
      <c r="E194" s="83"/>
      <c r="F194" s="84"/>
    </row>
    <row r="195" spans="2:6" s="2" customFormat="1" ht="70.5" customHeight="1" x14ac:dyDescent="0.25">
      <c r="B195" s="51" t="s">
        <v>130</v>
      </c>
      <c r="C195" s="27" t="s">
        <v>128</v>
      </c>
      <c r="D195" s="52"/>
      <c r="E195" s="83"/>
      <c r="F195" s="84"/>
    </row>
    <row r="196" spans="2:6" s="2" customFormat="1" ht="40.5" customHeight="1" x14ac:dyDescent="0.25">
      <c r="B196" s="51" t="s">
        <v>132</v>
      </c>
      <c r="C196" s="27" t="s">
        <v>131</v>
      </c>
      <c r="D196" s="52"/>
      <c r="E196" s="83"/>
      <c r="F196" s="84"/>
    </row>
    <row r="197" spans="2:6" s="2" customFormat="1" ht="39.75" customHeight="1" x14ac:dyDescent="0.25">
      <c r="B197" s="51" t="s">
        <v>133</v>
      </c>
      <c r="C197" s="27" t="s">
        <v>136</v>
      </c>
      <c r="D197" s="52"/>
      <c r="E197" s="83"/>
      <c r="F197" s="84"/>
    </row>
    <row r="198" spans="2:6" s="2" customFormat="1" ht="70.5" customHeight="1" x14ac:dyDescent="0.25">
      <c r="B198" s="51" t="s">
        <v>134</v>
      </c>
      <c r="C198" s="27" t="s">
        <v>137</v>
      </c>
      <c r="D198" s="52"/>
      <c r="E198" s="83"/>
      <c r="F198" s="84"/>
    </row>
    <row r="199" spans="2:6" s="2" customFormat="1" ht="30.75" customHeight="1" x14ac:dyDescent="0.25">
      <c r="B199" s="51" t="s">
        <v>135</v>
      </c>
      <c r="C199" s="27" t="s">
        <v>138</v>
      </c>
      <c r="D199" s="52"/>
      <c r="E199" s="83"/>
      <c r="F199" s="84"/>
    </row>
    <row r="200" spans="2:6" s="2" customFormat="1" ht="30.75" customHeight="1" x14ac:dyDescent="0.25">
      <c r="B200" s="51" t="s">
        <v>142</v>
      </c>
      <c r="C200" s="27" t="s">
        <v>139</v>
      </c>
      <c r="D200" s="52"/>
      <c r="E200" s="83"/>
      <c r="F200" s="84"/>
    </row>
    <row r="201" spans="2:6" s="2" customFormat="1" ht="45" customHeight="1" x14ac:dyDescent="0.25">
      <c r="B201" s="51" t="s">
        <v>143</v>
      </c>
      <c r="C201" s="27" t="s">
        <v>140</v>
      </c>
      <c r="D201" s="52"/>
      <c r="E201" s="83"/>
      <c r="F201" s="84"/>
    </row>
    <row r="202" spans="2:6" s="2" customFormat="1" ht="53.25" customHeight="1" x14ac:dyDescent="0.25">
      <c r="B202" s="51" t="s">
        <v>144</v>
      </c>
      <c r="C202" s="27" t="s">
        <v>141</v>
      </c>
      <c r="D202" s="52"/>
      <c r="E202" s="83"/>
      <c r="F202" s="84"/>
    </row>
    <row r="203" spans="2:6" s="2" customFormat="1" ht="142.5" customHeight="1" x14ac:dyDescent="0.25">
      <c r="B203" s="61" t="s">
        <v>74</v>
      </c>
      <c r="C203" s="27" t="s">
        <v>145</v>
      </c>
      <c r="D203" s="52"/>
      <c r="E203" s="83"/>
      <c r="F203" s="84"/>
    </row>
    <row r="204" spans="2:6" s="2" customFormat="1" ht="134.25" customHeight="1" x14ac:dyDescent="0.25">
      <c r="B204" s="61" t="s">
        <v>67</v>
      </c>
      <c r="C204" s="27" t="s">
        <v>146</v>
      </c>
      <c r="D204" s="52"/>
      <c r="E204" s="83"/>
      <c r="F204" s="84"/>
    </row>
    <row r="205" spans="2:6" s="2" customFormat="1" ht="55.5" customHeight="1" x14ac:dyDescent="0.25">
      <c r="B205" s="61" t="s">
        <v>75</v>
      </c>
      <c r="C205" s="27" t="s">
        <v>147</v>
      </c>
      <c r="D205" s="52"/>
      <c r="E205" s="83"/>
      <c r="F205" s="84"/>
    </row>
    <row r="206" spans="2:6" s="2" customFormat="1" ht="81.75" customHeight="1" x14ac:dyDescent="0.25">
      <c r="B206" s="51" t="s">
        <v>86</v>
      </c>
      <c r="C206" s="27" t="s">
        <v>148</v>
      </c>
      <c r="D206" s="52"/>
      <c r="E206" s="83"/>
      <c r="F206" s="84"/>
    </row>
    <row r="207" spans="2:6" s="2" customFormat="1" ht="30.75" customHeight="1" x14ac:dyDescent="0.25">
      <c r="B207" s="51" t="s">
        <v>76</v>
      </c>
      <c r="C207" s="27" t="s">
        <v>149</v>
      </c>
      <c r="D207" s="52"/>
      <c r="E207" s="83"/>
      <c r="F207" s="84"/>
    </row>
    <row r="208" spans="2:6" s="2" customFormat="1" ht="30.75" customHeight="1" x14ac:dyDescent="0.25">
      <c r="B208" s="51" t="s">
        <v>87</v>
      </c>
      <c r="C208" s="27" t="s">
        <v>151</v>
      </c>
      <c r="D208" s="52"/>
      <c r="E208" s="83"/>
      <c r="F208" s="84"/>
    </row>
    <row r="209" spans="2:6" s="2" customFormat="1" ht="30.75" customHeight="1" x14ac:dyDescent="0.25">
      <c r="B209" s="51" t="s">
        <v>88</v>
      </c>
      <c r="C209" s="27" t="s">
        <v>150</v>
      </c>
      <c r="D209" s="52"/>
      <c r="E209" s="83"/>
      <c r="F209" s="84"/>
    </row>
    <row r="210" spans="2:6" s="2" customFormat="1" ht="73.5" customHeight="1" x14ac:dyDescent="0.25">
      <c r="B210" s="61" t="s">
        <v>77</v>
      </c>
      <c r="C210" s="27" t="s">
        <v>152</v>
      </c>
      <c r="D210" s="52"/>
      <c r="E210" s="83"/>
      <c r="F210" s="84"/>
    </row>
    <row r="211" spans="2:6" s="2" customFormat="1" ht="56.25" customHeight="1" x14ac:dyDescent="0.25">
      <c r="B211" s="51" t="s">
        <v>78</v>
      </c>
      <c r="C211" s="27" t="s">
        <v>153</v>
      </c>
      <c r="D211" s="52"/>
      <c r="E211" s="83"/>
      <c r="F211" s="84"/>
    </row>
    <row r="212" spans="2:6" s="2" customFormat="1" ht="41.25" customHeight="1" x14ac:dyDescent="0.25">
      <c r="B212" s="51" t="s">
        <v>79</v>
      </c>
      <c r="C212" s="27" t="s">
        <v>154</v>
      </c>
      <c r="D212" s="52"/>
      <c r="E212" s="83"/>
      <c r="F212" s="84"/>
    </row>
    <row r="213" spans="2:6" s="2" customFormat="1" ht="42" customHeight="1" x14ac:dyDescent="0.25">
      <c r="B213" s="61" t="s">
        <v>80</v>
      </c>
      <c r="C213" s="27" t="s">
        <v>155</v>
      </c>
      <c r="D213" s="52"/>
      <c r="E213" s="83"/>
      <c r="F213" s="84"/>
    </row>
    <row r="214" spans="2:6" s="2" customFormat="1" ht="177.75" customHeight="1" x14ac:dyDescent="0.25">
      <c r="B214" s="61" t="s">
        <v>81</v>
      </c>
      <c r="C214" s="27" t="s">
        <v>166</v>
      </c>
      <c r="D214" s="52"/>
      <c r="E214" s="83"/>
      <c r="F214" s="84"/>
    </row>
    <row r="215" spans="2:6" s="2" customFormat="1" ht="73.5" customHeight="1" x14ac:dyDescent="0.25">
      <c r="B215" s="61" t="s">
        <v>82</v>
      </c>
      <c r="C215" s="27" t="s">
        <v>156</v>
      </c>
      <c r="D215" s="52"/>
      <c r="E215" s="83"/>
      <c r="F215" s="84"/>
    </row>
    <row r="216" spans="2:6" s="2" customFormat="1" ht="110.25" customHeight="1" x14ac:dyDescent="0.25">
      <c r="B216" s="61" t="s">
        <v>83</v>
      </c>
      <c r="C216" s="27" t="s">
        <v>158</v>
      </c>
      <c r="D216" s="52"/>
      <c r="E216" s="83"/>
      <c r="F216" s="84"/>
    </row>
    <row r="217" spans="2:6" s="2" customFormat="1" ht="81" customHeight="1" x14ac:dyDescent="0.25">
      <c r="B217" s="51" t="s">
        <v>157</v>
      </c>
      <c r="C217" s="27" t="s">
        <v>159</v>
      </c>
      <c r="D217" s="52"/>
      <c r="E217" s="83"/>
      <c r="F217" s="84"/>
    </row>
    <row r="218" spans="2:6" s="2" customFormat="1" ht="30.75" customHeight="1" x14ac:dyDescent="0.25">
      <c r="B218" s="61" t="s">
        <v>84</v>
      </c>
      <c r="C218" s="27" t="s">
        <v>160</v>
      </c>
      <c r="D218" s="52"/>
      <c r="E218" s="83"/>
      <c r="F218" s="84"/>
    </row>
    <row r="219" spans="2:6" s="2" customFormat="1" ht="81.75" customHeight="1" x14ac:dyDescent="0.25">
      <c r="B219" s="61" t="s">
        <v>85</v>
      </c>
      <c r="C219" s="27" t="s">
        <v>161</v>
      </c>
      <c r="D219" s="52"/>
      <c r="E219" s="83"/>
      <c r="F219" s="84"/>
    </row>
    <row r="220" spans="2:6" s="2" customFormat="1" ht="81.75" customHeight="1" x14ac:dyDescent="0.25">
      <c r="B220" s="61" t="s">
        <v>162</v>
      </c>
      <c r="C220" s="27" t="s">
        <v>403</v>
      </c>
      <c r="D220" s="52"/>
      <c r="E220" s="83"/>
      <c r="F220" s="84"/>
    </row>
    <row r="221" spans="2:6" s="2" customFormat="1" ht="206.25" customHeight="1" x14ac:dyDescent="0.25">
      <c r="B221" s="61" t="s">
        <v>164</v>
      </c>
      <c r="C221" s="27" t="s">
        <v>163</v>
      </c>
      <c r="D221" s="52"/>
      <c r="E221" s="83"/>
      <c r="F221" s="84"/>
    </row>
    <row r="222" spans="2:6" s="2" customFormat="1" ht="142.5" customHeight="1" x14ac:dyDescent="0.25">
      <c r="B222" s="79" t="s">
        <v>196</v>
      </c>
      <c r="C222" s="80" t="s">
        <v>404</v>
      </c>
      <c r="D222" s="68"/>
      <c r="E222" s="83"/>
      <c r="F222" s="84"/>
    </row>
    <row r="223" spans="2:6" s="2" customFormat="1" ht="110.25" customHeight="1" x14ac:dyDescent="0.25">
      <c r="B223" s="79" t="s">
        <v>197</v>
      </c>
      <c r="C223" s="80" t="s">
        <v>405</v>
      </c>
      <c r="D223" s="68"/>
      <c r="E223" s="83"/>
      <c r="F223" s="84"/>
    </row>
    <row r="224" spans="2:6" s="2" customFormat="1" ht="42" customHeight="1" thickBot="1" x14ac:dyDescent="0.3">
      <c r="B224" s="61" t="s">
        <v>198</v>
      </c>
      <c r="C224" s="27" t="s">
        <v>406</v>
      </c>
      <c r="D224" s="52"/>
      <c r="E224" s="83"/>
      <c r="F224" s="84"/>
    </row>
    <row r="225" spans="2:6" s="3" customFormat="1" ht="30" customHeight="1" x14ac:dyDescent="0.25">
      <c r="B225" s="89" t="s">
        <v>256</v>
      </c>
      <c r="C225" s="90"/>
      <c r="D225" s="90"/>
      <c r="E225" s="90"/>
      <c r="F225" s="91"/>
    </row>
    <row r="226" spans="2:6" s="2" customFormat="1" ht="30.75" customHeight="1" x14ac:dyDescent="0.25">
      <c r="B226" s="61" t="s">
        <v>16</v>
      </c>
      <c r="C226" s="27" t="s">
        <v>257</v>
      </c>
      <c r="D226" s="52"/>
      <c r="E226" s="83"/>
      <c r="F226" s="84"/>
    </row>
    <row r="227" spans="2:6" s="2" customFormat="1" ht="30.75" customHeight="1" x14ac:dyDescent="0.25">
      <c r="B227" s="61" t="s">
        <v>58</v>
      </c>
      <c r="C227" s="77" t="s">
        <v>258</v>
      </c>
      <c r="D227" s="52"/>
      <c r="E227" s="83"/>
      <c r="F227" s="84"/>
    </row>
    <row r="228" spans="2:6" s="2" customFormat="1" ht="30.75" customHeight="1" x14ac:dyDescent="0.25">
      <c r="B228" s="61" t="s">
        <v>59</v>
      </c>
      <c r="C228" s="27" t="s">
        <v>259</v>
      </c>
      <c r="D228" s="52"/>
      <c r="E228" s="83"/>
      <c r="F228" s="84"/>
    </row>
    <row r="229" spans="2:6" s="2" customFormat="1" ht="43.5" customHeight="1" x14ac:dyDescent="0.25">
      <c r="B229" s="51" t="s">
        <v>396</v>
      </c>
      <c r="C229" s="27" t="s">
        <v>260</v>
      </c>
      <c r="D229" s="52"/>
      <c r="E229" s="83"/>
      <c r="F229" s="84"/>
    </row>
    <row r="230" spans="2:6" s="2" customFormat="1" ht="30.75" customHeight="1" x14ac:dyDescent="0.25">
      <c r="B230" s="51" t="s">
        <v>397</v>
      </c>
      <c r="C230" s="27" t="s">
        <v>91</v>
      </c>
      <c r="D230" s="52"/>
      <c r="E230" s="83"/>
      <c r="F230" s="84"/>
    </row>
    <row r="231" spans="2:6" s="2" customFormat="1" ht="30.75" customHeight="1" x14ac:dyDescent="0.25">
      <c r="B231" s="51" t="s">
        <v>398</v>
      </c>
      <c r="C231" s="27" t="s">
        <v>92</v>
      </c>
      <c r="D231" s="52"/>
      <c r="E231" s="83"/>
      <c r="F231" s="84"/>
    </row>
    <row r="232" spans="2:6" s="2" customFormat="1" ht="58.5" customHeight="1" x14ac:dyDescent="0.25">
      <c r="B232" s="51" t="s">
        <v>399</v>
      </c>
      <c r="C232" s="27" t="s">
        <v>261</v>
      </c>
      <c r="D232" s="52"/>
      <c r="E232" s="83"/>
      <c r="F232" s="84"/>
    </row>
    <row r="233" spans="2:6" s="2" customFormat="1" ht="45.75" customHeight="1" x14ac:dyDescent="0.25">
      <c r="B233" s="51" t="s">
        <v>400</v>
      </c>
      <c r="C233" s="27" t="s">
        <v>262</v>
      </c>
      <c r="D233" s="52"/>
      <c r="E233" s="83"/>
      <c r="F233" s="84"/>
    </row>
    <row r="234" spans="2:6" s="2" customFormat="1" ht="121.5" customHeight="1" x14ac:dyDescent="0.25">
      <c r="B234" s="51" t="s">
        <v>401</v>
      </c>
      <c r="C234" s="78" t="s">
        <v>263</v>
      </c>
      <c r="D234" s="52"/>
      <c r="E234" s="83"/>
      <c r="F234" s="84"/>
    </row>
    <row r="235" spans="2:6" s="2" customFormat="1" ht="59.25" customHeight="1" x14ac:dyDescent="0.25">
      <c r="B235" s="61" t="s">
        <v>60</v>
      </c>
      <c r="C235" s="27" t="s">
        <v>264</v>
      </c>
      <c r="D235" s="52"/>
      <c r="E235" s="83"/>
      <c r="F235" s="84"/>
    </row>
    <row r="236" spans="2:6" s="2" customFormat="1" ht="58.5" customHeight="1" x14ac:dyDescent="0.25">
      <c r="B236" s="61" t="s">
        <v>61</v>
      </c>
      <c r="C236" s="27" t="s">
        <v>265</v>
      </c>
      <c r="D236" s="52"/>
      <c r="E236" s="83"/>
      <c r="F236" s="84"/>
    </row>
    <row r="237" spans="2:6" s="2" customFormat="1" ht="60.75" customHeight="1" x14ac:dyDescent="0.25">
      <c r="B237" s="61" t="s">
        <v>62</v>
      </c>
      <c r="C237" s="27" t="s">
        <v>266</v>
      </c>
      <c r="D237" s="52"/>
      <c r="E237" s="83"/>
      <c r="F237" s="84"/>
    </row>
    <row r="238" spans="2:6" s="2" customFormat="1" ht="59.25" customHeight="1" x14ac:dyDescent="0.25">
      <c r="B238" s="61" t="s">
        <v>72</v>
      </c>
      <c r="C238" s="27" t="s">
        <v>267</v>
      </c>
      <c r="D238" s="52"/>
      <c r="E238" s="83"/>
      <c r="F238" s="84"/>
    </row>
    <row r="239" spans="2:6" s="2" customFormat="1" ht="102" x14ac:dyDescent="0.25">
      <c r="B239" s="61" t="s">
        <v>63</v>
      </c>
      <c r="C239" s="27" t="s">
        <v>268</v>
      </c>
      <c r="D239" s="52"/>
      <c r="E239" s="83"/>
      <c r="F239" s="84"/>
    </row>
    <row r="240" spans="2:6" s="2" customFormat="1" ht="45" customHeight="1" x14ac:dyDescent="0.25">
      <c r="B240" s="61" t="s">
        <v>64</v>
      </c>
      <c r="C240" s="27" t="s">
        <v>269</v>
      </c>
      <c r="D240" s="52"/>
      <c r="E240" s="83"/>
      <c r="F240" s="84"/>
    </row>
    <row r="241" spans="2:6" s="2" customFormat="1" ht="46.5" customHeight="1" x14ac:dyDescent="0.25">
      <c r="B241" s="61" t="s">
        <v>65</v>
      </c>
      <c r="C241" s="27" t="s">
        <v>270</v>
      </c>
      <c r="D241" s="52"/>
      <c r="E241" s="83"/>
      <c r="F241" s="84"/>
    </row>
    <row r="242" spans="2:6" s="2" customFormat="1" ht="30.75" customHeight="1" x14ac:dyDescent="0.25">
      <c r="B242" s="61" t="s">
        <v>119</v>
      </c>
      <c r="C242" s="27" t="s">
        <v>110</v>
      </c>
      <c r="D242" s="52"/>
      <c r="E242" s="83"/>
      <c r="F242" s="84"/>
    </row>
    <row r="243" spans="2:6" s="2" customFormat="1" ht="30.75" customHeight="1" x14ac:dyDescent="0.25">
      <c r="B243" s="61" t="s">
        <v>120</v>
      </c>
      <c r="C243" s="27" t="s">
        <v>111</v>
      </c>
      <c r="D243" s="52"/>
      <c r="E243" s="83"/>
      <c r="F243" s="84"/>
    </row>
    <row r="244" spans="2:6" s="2" customFormat="1" ht="30.75" customHeight="1" x14ac:dyDescent="0.25">
      <c r="B244" s="61" t="s">
        <v>271</v>
      </c>
      <c r="C244" s="27" t="s">
        <v>112</v>
      </c>
      <c r="D244" s="52"/>
      <c r="E244" s="83"/>
      <c r="F244" s="84"/>
    </row>
    <row r="245" spans="2:6" s="2" customFormat="1" ht="30.75" customHeight="1" x14ac:dyDescent="0.25">
      <c r="B245" s="61" t="s">
        <v>272</v>
      </c>
      <c r="C245" s="27" t="s">
        <v>113</v>
      </c>
      <c r="D245" s="52"/>
      <c r="E245" s="83"/>
      <c r="F245" s="84"/>
    </row>
    <row r="246" spans="2:6" s="2" customFormat="1" ht="30.75" customHeight="1" x14ac:dyDescent="0.25">
      <c r="B246" s="61" t="s">
        <v>273</v>
      </c>
      <c r="C246" s="27" t="s">
        <v>274</v>
      </c>
      <c r="D246" s="52"/>
      <c r="E246" s="83"/>
      <c r="F246" s="84"/>
    </row>
    <row r="247" spans="2:6" s="2" customFormat="1" ht="30.75" customHeight="1" x14ac:dyDescent="0.25">
      <c r="B247" s="61" t="s">
        <v>275</v>
      </c>
      <c r="C247" s="27" t="s">
        <v>276</v>
      </c>
      <c r="D247" s="52"/>
      <c r="E247" s="83"/>
      <c r="F247" s="84"/>
    </row>
    <row r="248" spans="2:6" s="2" customFormat="1" ht="30.75" customHeight="1" x14ac:dyDescent="0.25">
      <c r="B248" s="61" t="s">
        <v>277</v>
      </c>
      <c r="C248" s="27" t="s">
        <v>278</v>
      </c>
      <c r="D248" s="52"/>
      <c r="E248" s="83"/>
      <c r="F248" s="84"/>
    </row>
    <row r="249" spans="2:6" s="2" customFormat="1" ht="30.75" customHeight="1" x14ac:dyDescent="0.25">
      <c r="B249" s="61" t="s">
        <v>279</v>
      </c>
      <c r="C249" s="27" t="s">
        <v>280</v>
      </c>
      <c r="D249" s="52"/>
      <c r="E249" s="83"/>
      <c r="F249" s="84"/>
    </row>
    <row r="250" spans="2:6" s="2" customFormat="1" ht="30.75" customHeight="1" x14ac:dyDescent="0.25">
      <c r="B250" s="61" t="s">
        <v>281</v>
      </c>
      <c r="C250" s="27" t="s">
        <v>282</v>
      </c>
      <c r="D250" s="52"/>
      <c r="E250" s="83"/>
      <c r="F250" s="84"/>
    </row>
    <row r="251" spans="2:6" s="2" customFormat="1" ht="88.5" customHeight="1" x14ac:dyDescent="0.25">
      <c r="B251" s="61" t="s">
        <v>66</v>
      </c>
      <c r="C251" s="27" t="s">
        <v>283</v>
      </c>
      <c r="D251" s="52"/>
      <c r="E251" s="83"/>
      <c r="F251" s="84"/>
    </row>
    <row r="252" spans="2:6" s="2" customFormat="1" ht="110.25" customHeight="1" x14ac:dyDescent="0.25">
      <c r="B252" s="61" t="s">
        <v>73</v>
      </c>
      <c r="C252" s="27" t="s">
        <v>284</v>
      </c>
      <c r="D252" s="52"/>
      <c r="E252" s="83"/>
      <c r="F252" s="84"/>
    </row>
    <row r="253" spans="2:6" s="2" customFormat="1" ht="105" customHeight="1" x14ac:dyDescent="0.25">
      <c r="B253" s="61" t="s">
        <v>74</v>
      </c>
      <c r="C253" s="27" t="s">
        <v>285</v>
      </c>
      <c r="D253" s="52"/>
      <c r="E253" s="83"/>
      <c r="F253" s="84"/>
    </row>
    <row r="254" spans="2:6" s="2" customFormat="1" ht="30.75" customHeight="1" x14ac:dyDescent="0.25">
      <c r="B254" s="61" t="s">
        <v>286</v>
      </c>
      <c r="C254" s="27" t="s">
        <v>125</v>
      </c>
      <c r="D254" s="52"/>
      <c r="E254" s="83"/>
      <c r="F254" s="84"/>
    </row>
    <row r="255" spans="2:6" s="2" customFormat="1" ht="42.75" customHeight="1" x14ac:dyDescent="0.25">
      <c r="B255" s="61" t="s">
        <v>287</v>
      </c>
      <c r="C255" s="27" t="s">
        <v>127</v>
      </c>
      <c r="D255" s="52"/>
      <c r="E255" s="83"/>
      <c r="F255" s="84"/>
    </row>
    <row r="256" spans="2:6" s="2" customFormat="1" ht="54.75" customHeight="1" x14ac:dyDescent="0.25">
      <c r="B256" s="61" t="s">
        <v>288</v>
      </c>
      <c r="C256" s="27" t="s">
        <v>289</v>
      </c>
      <c r="D256" s="52"/>
      <c r="E256" s="83"/>
      <c r="F256" s="84"/>
    </row>
    <row r="257" spans="2:6" s="2" customFormat="1" ht="42.75" customHeight="1" x14ac:dyDescent="0.25">
      <c r="B257" s="61" t="s">
        <v>290</v>
      </c>
      <c r="C257" s="27" t="s">
        <v>291</v>
      </c>
      <c r="D257" s="52"/>
      <c r="E257" s="83"/>
      <c r="F257" s="84"/>
    </row>
    <row r="258" spans="2:6" s="2" customFormat="1" ht="45" customHeight="1" x14ac:dyDescent="0.25">
      <c r="B258" s="61" t="s">
        <v>292</v>
      </c>
      <c r="C258" s="27" t="s">
        <v>293</v>
      </c>
      <c r="D258" s="52"/>
      <c r="E258" s="83"/>
      <c r="F258" s="84"/>
    </row>
    <row r="259" spans="2:6" s="2" customFormat="1" ht="72.75" customHeight="1" x14ac:dyDescent="0.25">
      <c r="B259" s="61" t="s">
        <v>294</v>
      </c>
      <c r="C259" s="27" t="s">
        <v>295</v>
      </c>
      <c r="D259" s="52"/>
      <c r="E259" s="83"/>
      <c r="F259" s="84"/>
    </row>
    <row r="260" spans="2:6" s="2" customFormat="1" ht="30.75" customHeight="1" x14ac:dyDescent="0.25">
      <c r="B260" s="61" t="s">
        <v>296</v>
      </c>
      <c r="C260" s="27" t="s">
        <v>138</v>
      </c>
      <c r="D260" s="52"/>
      <c r="E260" s="83"/>
      <c r="F260" s="84"/>
    </row>
    <row r="261" spans="2:6" s="2" customFormat="1" ht="30.75" customHeight="1" x14ac:dyDescent="0.25">
      <c r="B261" s="61" t="s">
        <v>297</v>
      </c>
      <c r="C261" s="27" t="s">
        <v>298</v>
      </c>
      <c r="D261" s="52"/>
      <c r="E261" s="83"/>
      <c r="F261" s="84"/>
    </row>
    <row r="262" spans="2:6" s="2" customFormat="1" ht="44.25" customHeight="1" x14ac:dyDescent="0.25">
      <c r="B262" s="61" t="s">
        <v>299</v>
      </c>
      <c r="C262" s="27" t="s">
        <v>140</v>
      </c>
      <c r="D262" s="52"/>
      <c r="E262" s="83"/>
      <c r="F262" s="84"/>
    </row>
    <row r="263" spans="2:6" s="2" customFormat="1" ht="58.5" customHeight="1" x14ac:dyDescent="0.25">
      <c r="B263" s="61" t="s">
        <v>300</v>
      </c>
      <c r="C263" s="27" t="s">
        <v>301</v>
      </c>
      <c r="D263" s="52"/>
      <c r="E263" s="83"/>
      <c r="F263" s="84"/>
    </row>
    <row r="264" spans="2:6" s="2" customFormat="1" ht="67.5" customHeight="1" x14ac:dyDescent="0.25">
      <c r="B264" s="61" t="s">
        <v>67</v>
      </c>
      <c r="C264" s="27" t="s">
        <v>302</v>
      </c>
      <c r="D264" s="52"/>
      <c r="E264" s="83"/>
      <c r="F264" s="84"/>
    </row>
    <row r="265" spans="2:6" s="2" customFormat="1" ht="84" customHeight="1" x14ac:dyDescent="0.25">
      <c r="B265" s="61" t="s">
        <v>75</v>
      </c>
      <c r="C265" s="27" t="s">
        <v>303</v>
      </c>
      <c r="D265" s="52"/>
      <c r="E265" s="83"/>
      <c r="F265" s="84"/>
    </row>
    <row r="266" spans="2:6" s="2" customFormat="1" ht="30.75" customHeight="1" x14ac:dyDescent="0.25">
      <c r="B266" s="61" t="s">
        <v>76</v>
      </c>
      <c r="C266" s="27" t="s">
        <v>149</v>
      </c>
      <c r="D266" s="52"/>
      <c r="E266" s="83"/>
      <c r="F266" s="84"/>
    </row>
    <row r="267" spans="2:6" s="2" customFormat="1" ht="30.75" customHeight="1" x14ac:dyDescent="0.25">
      <c r="B267" s="61" t="s">
        <v>87</v>
      </c>
      <c r="C267" s="27" t="s">
        <v>304</v>
      </c>
      <c r="D267" s="52"/>
      <c r="E267" s="83"/>
      <c r="F267" s="84"/>
    </row>
    <row r="268" spans="2:6" s="2" customFormat="1" ht="30.75" customHeight="1" x14ac:dyDescent="0.25">
      <c r="B268" s="61" t="s">
        <v>88</v>
      </c>
      <c r="C268" s="27" t="s">
        <v>305</v>
      </c>
      <c r="D268" s="52"/>
      <c r="E268" s="83"/>
      <c r="F268" s="84"/>
    </row>
    <row r="269" spans="2:6" s="2" customFormat="1" ht="69.75" customHeight="1" x14ac:dyDescent="0.25">
      <c r="B269" s="61" t="s">
        <v>77</v>
      </c>
      <c r="C269" s="27" t="s">
        <v>152</v>
      </c>
      <c r="D269" s="52"/>
      <c r="E269" s="83"/>
      <c r="F269" s="84"/>
    </row>
    <row r="270" spans="2:6" s="2" customFormat="1" ht="54.75" customHeight="1" x14ac:dyDescent="0.25">
      <c r="B270" s="61" t="s">
        <v>78</v>
      </c>
      <c r="C270" s="27" t="s">
        <v>306</v>
      </c>
      <c r="D270" s="52"/>
      <c r="E270" s="83"/>
      <c r="F270" s="84"/>
    </row>
    <row r="271" spans="2:6" s="2" customFormat="1" ht="47.25" customHeight="1" x14ac:dyDescent="0.25">
      <c r="B271" s="61" t="s">
        <v>79</v>
      </c>
      <c r="C271" s="27" t="s">
        <v>307</v>
      </c>
      <c r="D271" s="52"/>
      <c r="E271" s="83"/>
      <c r="F271" s="84"/>
    </row>
    <row r="272" spans="2:6" s="2" customFormat="1" ht="146.25" customHeight="1" x14ac:dyDescent="0.25">
      <c r="B272" s="61" t="s">
        <v>80</v>
      </c>
      <c r="C272" s="27" t="s">
        <v>308</v>
      </c>
      <c r="D272" s="52"/>
      <c r="E272" s="83"/>
      <c r="F272" s="84"/>
    </row>
    <row r="273" spans="2:6" s="2" customFormat="1" ht="127.5" x14ac:dyDescent="0.25">
      <c r="B273" s="61" t="s">
        <v>81</v>
      </c>
      <c r="C273" s="27" t="s">
        <v>309</v>
      </c>
      <c r="D273" s="52"/>
      <c r="E273" s="83"/>
      <c r="F273" s="84"/>
    </row>
    <row r="274" spans="2:6" s="2" customFormat="1" ht="51" x14ac:dyDescent="0.25">
      <c r="B274" s="61" t="s">
        <v>82</v>
      </c>
      <c r="C274" s="27" t="s">
        <v>155</v>
      </c>
      <c r="D274" s="52"/>
      <c r="E274" s="83"/>
      <c r="F274" s="84"/>
    </row>
    <row r="275" spans="2:6" s="2" customFormat="1" ht="108.75" customHeight="1" x14ac:dyDescent="0.25">
      <c r="B275" s="61" t="s">
        <v>83</v>
      </c>
      <c r="C275" s="27" t="s">
        <v>310</v>
      </c>
      <c r="D275" s="52"/>
      <c r="E275" s="83"/>
      <c r="F275" s="84"/>
    </row>
    <row r="276" spans="2:6" s="2" customFormat="1" ht="84.75" customHeight="1" x14ac:dyDescent="0.25">
      <c r="B276" s="61" t="s">
        <v>157</v>
      </c>
      <c r="C276" s="27" t="s">
        <v>311</v>
      </c>
      <c r="D276" s="52"/>
      <c r="E276" s="83"/>
      <c r="F276" s="84"/>
    </row>
    <row r="277" spans="2:6" s="2" customFormat="1" ht="70.5" customHeight="1" x14ac:dyDescent="0.25">
      <c r="B277" s="61" t="s">
        <v>84</v>
      </c>
      <c r="C277" s="27" t="s">
        <v>156</v>
      </c>
      <c r="D277" s="52"/>
      <c r="E277" s="83"/>
      <c r="F277" s="84"/>
    </row>
    <row r="278" spans="2:6" s="2" customFormat="1" ht="72" customHeight="1" x14ac:dyDescent="0.25">
      <c r="B278" s="61" t="s">
        <v>85</v>
      </c>
      <c r="C278" s="27" t="s">
        <v>312</v>
      </c>
      <c r="D278" s="52"/>
      <c r="E278" s="83"/>
      <c r="F278" s="84"/>
    </row>
    <row r="279" spans="2:6" s="2" customFormat="1" ht="44.25" customHeight="1" x14ac:dyDescent="0.25">
      <c r="B279" s="61" t="s">
        <v>162</v>
      </c>
      <c r="C279" s="27" t="s">
        <v>313</v>
      </c>
      <c r="D279" s="52"/>
      <c r="E279" s="83"/>
      <c r="F279" s="84"/>
    </row>
    <row r="280" spans="2:6" s="2" customFormat="1" ht="43.5" customHeight="1" x14ac:dyDescent="0.25">
      <c r="B280" s="61" t="s">
        <v>164</v>
      </c>
      <c r="C280" s="27" t="s">
        <v>314</v>
      </c>
      <c r="D280" s="52"/>
      <c r="E280" s="83"/>
      <c r="F280" s="84"/>
    </row>
    <row r="281" spans="2:6" s="2" customFormat="1" ht="30.75" customHeight="1" x14ac:dyDescent="0.25">
      <c r="B281" s="61" t="s">
        <v>196</v>
      </c>
      <c r="C281" s="27" t="s">
        <v>315</v>
      </c>
      <c r="D281" s="52"/>
      <c r="E281" s="83"/>
      <c r="F281" s="84"/>
    </row>
    <row r="282" spans="2:6" s="2" customFormat="1" ht="30.75" customHeight="1" x14ac:dyDescent="0.25">
      <c r="B282" s="61" t="s">
        <v>197</v>
      </c>
      <c r="C282" s="27" t="s">
        <v>316</v>
      </c>
      <c r="D282" s="52"/>
      <c r="E282" s="83"/>
      <c r="F282" s="84"/>
    </row>
    <row r="283" spans="2:6" s="2" customFormat="1" ht="30.75" customHeight="1" x14ac:dyDescent="0.25">
      <c r="B283" s="61" t="s">
        <v>198</v>
      </c>
      <c r="C283" s="27" t="s">
        <v>253</v>
      </c>
      <c r="D283" s="52"/>
      <c r="E283" s="83"/>
      <c r="F283" s="84"/>
    </row>
    <row r="284" spans="2:6" s="2" customFormat="1" ht="30.75" customHeight="1" x14ac:dyDescent="0.25">
      <c r="B284" s="61" t="s">
        <v>317</v>
      </c>
      <c r="C284" s="27" t="s">
        <v>318</v>
      </c>
      <c r="D284" s="52"/>
      <c r="E284" s="83"/>
      <c r="F284" s="84"/>
    </row>
    <row r="285" spans="2:6" s="2" customFormat="1" ht="72.75" customHeight="1" x14ac:dyDescent="0.25">
      <c r="B285" s="61" t="s">
        <v>319</v>
      </c>
      <c r="C285" s="27" t="s">
        <v>320</v>
      </c>
      <c r="D285" s="52"/>
      <c r="E285" s="83"/>
      <c r="F285" s="84"/>
    </row>
    <row r="286" spans="2:6" s="2" customFormat="1" ht="55.5" customHeight="1" x14ac:dyDescent="0.25">
      <c r="B286" s="61" t="s">
        <v>209</v>
      </c>
      <c r="C286" s="27" t="s">
        <v>321</v>
      </c>
      <c r="D286" s="52"/>
      <c r="E286" s="83"/>
      <c r="F286" s="84"/>
    </row>
    <row r="287" spans="2:6" s="2" customFormat="1" ht="30.75" customHeight="1" x14ac:dyDescent="0.25">
      <c r="B287" s="61" t="s">
        <v>210</v>
      </c>
      <c r="C287" s="27" t="s">
        <v>322</v>
      </c>
      <c r="D287" s="52"/>
      <c r="E287" s="83"/>
      <c r="F287" s="84"/>
    </row>
    <row r="288" spans="2:6" s="2" customFormat="1" ht="30.75" customHeight="1" x14ac:dyDescent="0.25">
      <c r="B288" s="61" t="s">
        <v>323</v>
      </c>
      <c r="C288" s="27" t="s">
        <v>324</v>
      </c>
      <c r="D288" s="52"/>
      <c r="E288" s="83"/>
      <c r="F288" s="84"/>
    </row>
    <row r="289" spans="2:6" s="2" customFormat="1" ht="30.75" customHeight="1" x14ac:dyDescent="0.25">
      <c r="B289" s="61" t="s">
        <v>325</v>
      </c>
      <c r="C289" s="27" t="s">
        <v>326</v>
      </c>
      <c r="D289" s="52"/>
      <c r="E289" s="83"/>
      <c r="F289" s="84"/>
    </row>
    <row r="290" spans="2:6" s="2" customFormat="1" ht="44.25" customHeight="1" x14ac:dyDescent="0.25">
      <c r="B290" s="61" t="s">
        <v>327</v>
      </c>
      <c r="C290" s="27" t="s">
        <v>328</v>
      </c>
      <c r="D290" s="52"/>
      <c r="E290" s="83"/>
      <c r="F290" s="84"/>
    </row>
    <row r="291" spans="2:6" s="2" customFormat="1" ht="57.75" customHeight="1" x14ac:dyDescent="0.25">
      <c r="B291" s="61" t="s">
        <v>329</v>
      </c>
      <c r="C291" s="27" t="s">
        <v>330</v>
      </c>
      <c r="D291" s="52"/>
      <c r="E291" s="83"/>
      <c r="F291" s="84"/>
    </row>
    <row r="292" spans="2:6" s="2" customFormat="1" ht="84.75" customHeight="1" x14ac:dyDescent="0.25">
      <c r="B292" s="61" t="s">
        <v>331</v>
      </c>
      <c r="C292" s="27" t="s">
        <v>332</v>
      </c>
      <c r="D292" s="52"/>
      <c r="E292" s="83"/>
      <c r="F292" s="84"/>
    </row>
    <row r="293" spans="2:6" s="2" customFormat="1" ht="30.75" customHeight="1" x14ac:dyDescent="0.25">
      <c r="B293" s="61" t="s">
        <v>333</v>
      </c>
      <c r="C293" s="27" t="s">
        <v>334</v>
      </c>
      <c r="D293" s="52"/>
      <c r="E293" s="83"/>
      <c r="F293" s="84"/>
    </row>
    <row r="294" spans="2:6" s="2" customFormat="1" ht="47.25" customHeight="1" x14ac:dyDescent="0.25">
      <c r="B294" s="61" t="s">
        <v>335</v>
      </c>
      <c r="C294" s="27" t="s">
        <v>336</v>
      </c>
      <c r="D294" s="52"/>
      <c r="E294" s="83"/>
      <c r="F294" s="84"/>
    </row>
    <row r="295" spans="2:6" s="2" customFormat="1" ht="30.75" customHeight="1" x14ac:dyDescent="0.25">
      <c r="B295" s="61" t="s">
        <v>337</v>
      </c>
      <c r="C295" s="27" t="s">
        <v>338</v>
      </c>
      <c r="D295" s="52"/>
      <c r="E295" s="83"/>
      <c r="F295" s="84"/>
    </row>
    <row r="296" spans="2:6" s="2" customFormat="1" ht="30.75" customHeight="1" x14ac:dyDescent="0.25">
      <c r="B296" s="61" t="s">
        <v>339</v>
      </c>
      <c r="C296" s="27" t="s">
        <v>340</v>
      </c>
      <c r="D296" s="52"/>
      <c r="E296" s="83"/>
      <c r="F296" s="84"/>
    </row>
    <row r="297" spans="2:6" s="2" customFormat="1" ht="30.75" customHeight="1" x14ac:dyDescent="0.25">
      <c r="B297" s="61" t="s">
        <v>341</v>
      </c>
      <c r="C297" s="27" t="s">
        <v>342</v>
      </c>
      <c r="D297" s="52"/>
      <c r="E297" s="83"/>
      <c r="F297" s="84"/>
    </row>
    <row r="298" spans="2:6" s="2" customFormat="1" ht="30.75" customHeight="1" x14ac:dyDescent="0.25">
      <c r="B298" s="61" t="s">
        <v>343</v>
      </c>
      <c r="C298" s="27" t="s">
        <v>344</v>
      </c>
      <c r="D298" s="52"/>
      <c r="E298" s="83"/>
      <c r="F298" s="84"/>
    </row>
    <row r="299" spans="2:6" s="2" customFormat="1" ht="30.75" customHeight="1" x14ac:dyDescent="0.25">
      <c r="B299" s="61" t="s">
        <v>345</v>
      </c>
      <c r="C299" s="27" t="s">
        <v>346</v>
      </c>
      <c r="D299" s="52"/>
      <c r="E299" s="83"/>
      <c r="F299" s="84"/>
    </row>
    <row r="300" spans="2:6" s="2" customFormat="1" ht="51" x14ac:dyDescent="0.25">
      <c r="B300" s="61" t="s">
        <v>347</v>
      </c>
      <c r="C300" s="27" t="s">
        <v>348</v>
      </c>
      <c r="D300" s="52"/>
      <c r="E300" s="83"/>
      <c r="F300" s="84"/>
    </row>
    <row r="301" spans="2:6" s="2" customFormat="1" ht="30.75" customHeight="1" x14ac:dyDescent="0.25">
      <c r="B301" s="61" t="s">
        <v>349</v>
      </c>
      <c r="C301" s="27" t="s">
        <v>350</v>
      </c>
      <c r="D301" s="52"/>
      <c r="E301" s="83"/>
      <c r="F301" s="84"/>
    </row>
    <row r="302" spans="2:6" s="2" customFormat="1" ht="60" customHeight="1" x14ac:dyDescent="0.25">
      <c r="B302" s="61" t="s">
        <v>351</v>
      </c>
      <c r="C302" s="27" t="s">
        <v>352</v>
      </c>
      <c r="D302" s="52"/>
      <c r="E302" s="83"/>
      <c r="F302" s="84"/>
    </row>
    <row r="303" spans="2:6" s="2" customFormat="1" ht="72" customHeight="1" x14ac:dyDescent="0.25">
      <c r="B303" s="61" t="s">
        <v>353</v>
      </c>
      <c r="C303" s="27" t="s">
        <v>354</v>
      </c>
      <c r="D303" s="52"/>
      <c r="E303" s="83"/>
      <c r="F303" s="84"/>
    </row>
    <row r="304" spans="2:6" s="2" customFormat="1" ht="48.75" customHeight="1" x14ac:dyDescent="0.25">
      <c r="B304" s="61" t="s">
        <v>355</v>
      </c>
      <c r="C304" s="27" t="s">
        <v>356</v>
      </c>
      <c r="D304" s="52"/>
      <c r="E304" s="83"/>
      <c r="F304" s="84"/>
    </row>
    <row r="305" spans="2:6" s="2" customFormat="1" ht="42" customHeight="1" x14ac:dyDescent="0.25">
      <c r="B305" s="61" t="s">
        <v>357</v>
      </c>
      <c r="C305" s="27" t="s">
        <v>358</v>
      </c>
      <c r="D305" s="52"/>
      <c r="E305" s="83"/>
      <c r="F305" s="84"/>
    </row>
    <row r="306" spans="2:6" s="2" customFormat="1" ht="60" customHeight="1" x14ac:dyDescent="0.25">
      <c r="B306" s="61" t="s">
        <v>359</v>
      </c>
      <c r="C306" s="27" t="s">
        <v>360</v>
      </c>
      <c r="D306" s="52"/>
      <c r="E306" s="83"/>
      <c r="F306" s="84"/>
    </row>
    <row r="307" spans="2:6" s="2" customFormat="1" ht="63.75" x14ac:dyDescent="0.25">
      <c r="B307" s="61" t="s">
        <v>361</v>
      </c>
      <c r="C307" s="27" t="s">
        <v>362</v>
      </c>
      <c r="D307" s="52"/>
      <c r="E307" s="83"/>
      <c r="F307" s="84"/>
    </row>
    <row r="308" spans="2:6" s="2" customFormat="1" ht="73.5" customHeight="1" x14ac:dyDescent="0.25">
      <c r="B308" s="61" t="s">
        <v>363</v>
      </c>
      <c r="C308" s="27" t="s">
        <v>364</v>
      </c>
      <c r="D308" s="52"/>
      <c r="E308" s="83"/>
      <c r="F308" s="84"/>
    </row>
    <row r="309" spans="2:6" s="2" customFormat="1" ht="84" customHeight="1" x14ac:dyDescent="0.25">
      <c r="B309" s="61" t="s">
        <v>365</v>
      </c>
      <c r="C309" s="27" t="s">
        <v>366</v>
      </c>
      <c r="D309" s="52"/>
      <c r="E309" s="83"/>
      <c r="F309" s="84"/>
    </row>
    <row r="310" spans="2:6" s="2" customFormat="1" ht="84.75" customHeight="1" x14ac:dyDescent="0.25">
      <c r="B310" s="61" t="s">
        <v>367</v>
      </c>
      <c r="C310" s="27" t="s">
        <v>368</v>
      </c>
      <c r="D310" s="52"/>
      <c r="E310" s="83"/>
      <c r="F310" s="84"/>
    </row>
    <row r="311" spans="2:6" s="2" customFormat="1" ht="30.75" customHeight="1" x14ac:dyDescent="0.25">
      <c r="B311" s="61" t="s">
        <v>369</v>
      </c>
      <c r="C311" s="27" t="s">
        <v>370</v>
      </c>
      <c r="D311" s="52"/>
      <c r="E311" s="83"/>
      <c r="F311" s="84"/>
    </row>
    <row r="312" spans="2:6" s="2" customFormat="1" ht="120.75" customHeight="1" x14ac:dyDescent="0.25">
      <c r="B312" s="61" t="s">
        <v>371</v>
      </c>
      <c r="C312" s="27" t="s">
        <v>372</v>
      </c>
      <c r="D312" s="52"/>
      <c r="E312" s="83"/>
      <c r="F312" s="84"/>
    </row>
    <row r="313" spans="2:6" s="2" customFormat="1" ht="109.5" customHeight="1" x14ac:dyDescent="0.25">
      <c r="B313" s="61" t="s">
        <v>373</v>
      </c>
      <c r="C313" s="27" t="s">
        <v>117</v>
      </c>
      <c r="D313" s="52"/>
      <c r="E313" s="83"/>
      <c r="F313" s="84"/>
    </row>
    <row r="314" spans="2:6" s="2" customFormat="1" ht="61.5" customHeight="1" x14ac:dyDescent="0.25">
      <c r="B314" s="61" t="s">
        <v>374</v>
      </c>
      <c r="C314" s="27" t="s">
        <v>375</v>
      </c>
      <c r="D314" s="52"/>
      <c r="E314" s="83"/>
      <c r="F314" s="84"/>
    </row>
    <row r="315" spans="2:6" s="2" customFormat="1" ht="112.5" customHeight="1" x14ac:dyDescent="0.25">
      <c r="B315" s="61" t="s">
        <v>376</v>
      </c>
      <c r="C315" s="27" t="s">
        <v>377</v>
      </c>
      <c r="D315" s="52"/>
      <c r="E315" s="83"/>
      <c r="F315" s="84"/>
    </row>
    <row r="316" spans="2:6" s="2" customFormat="1" ht="115.5" customHeight="1" x14ac:dyDescent="0.25">
      <c r="B316" s="61" t="s">
        <v>378</v>
      </c>
      <c r="C316" s="27" t="s">
        <v>379</v>
      </c>
      <c r="D316" s="52"/>
      <c r="E316" s="83"/>
      <c r="F316" s="84"/>
    </row>
    <row r="317" spans="2:6" s="2" customFormat="1" ht="153" x14ac:dyDescent="0.25">
      <c r="B317" s="61" t="s">
        <v>380</v>
      </c>
      <c r="C317" s="27" t="s">
        <v>381</v>
      </c>
      <c r="D317" s="52"/>
      <c r="E317" s="83"/>
      <c r="F317" s="84"/>
    </row>
    <row r="318" spans="2:6" s="2" customFormat="1" ht="70.5" customHeight="1" x14ac:dyDescent="0.25">
      <c r="B318" s="61" t="s">
        <v>382</v>
      </c>
      <c r="C318" s="27" t="s">
        <v>383</v>
      </c>
      <c r="D318" s="52"/>
      <c r="E318" s="83"/>
      <c r="F318" s="84"/>
    </row>
    <row r="319" spans="2:6" s="2" customFormat="1" ht="84" customHeight="1" x14ac:dyDescent="0.25">
      <c r="B319" s="61" t="s">
        <v>384</v>
      </c>
      <c r="C319" s="27" t="s">
        <v>385</v>
      </c>
      <c r="D319" s="52"/>
      <c r="E319" s="83"/>
      <c r="F319" s="84"/>
    </row>
    <row r="320" spans="2:6" s="2" customFormat="1" ht="81" customHeight="1" x14ac:dyDescent="0.25">
      <c r="B320" s="61" t="s">
        <v>386</v>
      </c>
      <c r="C320" s="27" t="s">
        <v>387</v>
      </c>
      <c r="D320" s="52"/>
      <c r="E320" s="83"/>
      <c r="F320" s="84"/>
    </row>
    <row r="321" spans="2:7" s="2" customFormat="1" ht="185.25" customHeight="1" x14ac:dyDescent="0.25">
      <c r="B321" s="61" t="s">
        <v>388</v>
      </c>
      <c r="C321" s="27" t="s">
        <v>389</v>
      </c>
      <c r="D321" s="52"/>
      <c r="E321" s="83"/>
      <c r="F321" s="84"/>
    </row>
    <row r="322" spans="2:7" s="2" customFormat="1" ht="96" customHeight="1" x14ac:dyDescent="0.25">
      <c r="B322" s="61" t="s">
        <v>390</v>
      </c>
      <c r="C322" s="27" t="s">
        <v>391</v>
      </c>
      <c r="D322" s="52"/>
      <c r="E322" s="83"/>
      <c r="F322" s="84"/>
    </row>
    <row r="323" spans="2:7" s="2" customFormat="1" ht="118.5" customHeight="1" x14ac:dyDescent="0.25">
      <c r="B323" s="61" t="s">
        <v>392</v>
      </c>
      <c r="C323" s="27" t="s">
        <v>393</v>
      </c>
      <c r="D323" s="52"/>
      <c r="E323" s="83"/>
      <c r="F323" s="84"/>
    </row>
    <row r="324" spans="2:7" s="2" customFormat="1" ht="72" customHeight="1" thickBot="1" x14ac:dyDescent="0.3">
      <c r="B324" s="62" t="s">
        <v>394</v>
      </c>
      <c r="C324" s="45" t="s">
        <v>395</v>
      </c>
      <c r="D324" s="53"/>
      <c r="E324" s="85"/>
      <c r="F324" s="86"/>
    </row>
    <row r="325" spans="2:7" s="3" customFormat="1" ht="5.0999999999999996" customHeight="1" x14ac:dyDescent="0.25">
      <c r="B325" s="5"/>
      <c r="C325" s="5"/>
      <c r="D325" s="7"/>
      <c r="E325" s="7"/>
      <c r="F325" s="26"/>
      <c r="G325" s="2"/>
    </row>
    <row r="326" spans="2:7" s="2" customFormat="1" ht="20.100000000000001" customHeight="1" x14ac:dyDescent="0.25">
      <c r="B326" s="104" t="s">
        <v>54</v>
      </c>
      <c r="C326" s="104"/>
      <c r="D326" s="104"/>
      <c r="E326" s="104"/>
      <c r="F326" s="104"/>
    </row>
    <row r="327" spans="2:7" s="2" customFormat="1" ht="4.5" customHeight="1" thickBot="1" x14ac:dyDescent="0.3"/>
    <row r="328" spans="2:7" s="2" customFormat="1" ht="80.25" customHeight="1" x14ac:dyDescent="0.25">
      <c r="B328" s="110" t="s">
        <v>55</v>
      </c>
      <c r="C328" s="111"/>
      <c r="D328" s="115" t="s">
        <v>56</v>
      </c>
      <c r="E328" s="116"/>
      <c r="F328" s="117"/>
    </row>
    <row r="329" spans="2:7" s="3" customFormat="1" ht="29.25" customHeight="1" thickBot="1" x14ac:dyDescent="0.3">
      <c r="B329" s="112"/>
      <c r="C329" s="113"/>
      <c r="D329" s="24" t="s">
        <v>7</v>
      </c>
      <c r="E329" s="131" t="s">
        <v>32</v>
      </c>
      <c r="F329" s="132"/>
      <c r="G329" s="2"/>
    </row>
    <row r="330" spans="2:7" s="3" customFormat="1" ht="27" customHeight="1" x14ac:dyDescent="0.25">
      <c r="B330" s="54" t="s">
        <v>16</v>
      </c>
      <c r="C330" s="55" t="s">
        <v>69</v>
      </c>
      <c r="D330" s="56"/>
      <c r="E330" s="129"/>
      <c r="F330" s="130"/>
      <c r="G330" s="2"/>
    </row>
    <row r="331" spans="2:7" s="3" customFormat="1" ht="30.75" customHeight="1" thickBot="1" x14ac:dyDescent="0.3">
      <c r="B331" s="57" t="s">
        <v>58</v>
      </c>
      <c r="C331" s="63" t="s">
        <v>57</v>
      </c>
      <c r="D331" s="58"/>
      <c r="E331" s="85"/>
      <c r="F331" s="86"/>
      <c r="G331" s="2"/>
    </row>
    <row r="332" spans="2:7" s="2" customFormat="1" ht="5.0999999999999996" customHeight="1" x14ac:dyDescent="0.25">
      <c r="B332" s="5"/>
      <c r="C332" s="5"/>
      <c r="D332" s="7"/>
      <c r="E332" s="7"/>
      <c r="F332" s="26"/>
    </row>
    <row r="333" spans="2:7" s="2" customFormat="1" ht="20.100000000000001" customHeight="1" x14ac:dyDescent="0.25">
      <c r="B333" s="104" t="s">
        <v>15</v>
      </c>
      <c r="C333" s="104"/>
      <c r="D333" s="104"/>
      <c r="E333" s="104"/>
      <c r="F333" s="104"/>
    </row>
    <row r="334" spans="2:7" s="3" customFormat="1" ht="30" customHeight="1" x14ac:dyDescent="0.25">
      <c r="B334" s="5" t="s">
        <v>17</v>
      </c>
      <c r="C334" s="124" t="s">
        <v>167</v>
      </c>
      <c r="D334" s="124"/>
      <c r="E334" s="124"/>
      <c r="F334" s="124"/>
      <c r="G334" s="2"/>
    </row>
    <row r="335" spans="2:7" s="29" customFormat="1" ht="30" customHeight="1" x14ac:dyDescent="0.25">
      <c r="B335" s="5" t="s">
        <v>33</v>
      </c>
      <c r="C335" s="124" t="s">
        <v>34</v>
      </c>
      <c r="D335" s="124"/>
      <c r="E335" s="124"/>
      <c r="F335" s="124"/>
      <c r="G335" s="2"/>
    </row>
    <row r="336" spans="2:7" s="29" customFormat="1" ht="30" customHeight="1" x14ac:dyDescent="0.25">
      <c r="B336" s="125" t="s">
        <v>35</v>
      </c>
      <c r="C336" s="125"/>
      <c r="D336" s="125"/>
      <c r="E336" s="125"/>
      <c r="F336" s="3"/>
      <c r="G336" s="2"/>
    </row>
    <row r="337" spans="2:7" s="2" customFormat="1" ht="24.95" customHeight="1" x14ac:dyDescent="0.25">
      <c r="B337" s="28" t="s">
        <v>36</v>
      </c>
      <c r="C337" s="122"/>
      <c r="D337" s="122"/>
      <c r="F337" s="29"/>
    </row>
    <row r="338" spans="2:7" s="2" customFormat="1" ht="24.95" customHeight="1" x14ac:dyDescent="0.25">
      <c r="B338" s="28" t="s">
        <v>37</v>
      </c>
      <c r="C338" s="122"/>
      <c r="D338" s="122"/>
      <c r="F338" s="29"/>
    </row>
    <row r="339" spans="2:7" s="2" customFormat="1" ht="24.95" customHeight="1" x14ac:dyDescent="0.25">
      <c r="B339" s="28" t="s">
        <v>38</v>
      </c>
      <c r="C339" s="122"/>
      <c r="D339" s="122"/>
      <c r="F339" s="29"/>
    </row>
    <row r="340" spans="2:7" s="3" customFormat="1" ht="24.95" customHeight="1" x14ac:dyDescent="0.25">
      <c r="B340" s="28" t="s">
        <v>39</v>
      </c>
      <c r="C340" s="122"/>
      <c r="D340" s="122"/>
      <c r="E340" s="2"/>
      <c r="F340" s="30"/>
      <c r="G340" s="2"/>
    </row>
    <row r="341" spans="2:7" s="2" customFormat="1" ht="14.25" customHeight="1" x14ac:dyDescent="0.2">
      <c r="B341" s="11"/>
      <c r="C341" s="12"/>
      <c r="D341" s="12"/>
      <c r="F341" s="31"/>
    </row>
    <row r="342" spans="2:7" s="3" customFormat="1" ht="15" customHeight="1" x14ac:dyDescent="0.25">
      <c r="B342" s="126" t="s">
        <v>40</v>
      </c>
      <c r="C342" s="126"/>
      <c r="D342" s="126"/>
      <c r="E342" s="126"/>
      <c r="F342" s="126"/>
    </row>
    <row r="343" spans="2:7" s="2" customFormat="1" ht="36.75" customHeight="1" x14ac:dyDescent="0.25">
      <c r="B343" s="123" t="s">
        <v>51</v>
      </c>
      <c r="C343" s="123"/>
      <c r="D343" s="123"/>
      <c r="E343" s="123"/>
      <c r="F343" s="123"/>
    </row>
    <row r="344" spans="2:7" s="2" customFormat="1" ht="20.100000000000001" customHeight="1" x14ac:dyDescent="0.2">
      <c r="B344" s="1"/>
      <c r="C344" s="1"/>
      <c r="D344" s="8"/>
      <c r="E344" s="8"/>
    </row>
    <row r="345" spans="2:7" s="3" customFormat="1" ht="4.5" customHeight="1" x14ac:dyDescent="0.2">
      <c r="B345" s="1"/>
      <c r="C345" s="1"/>
      <c r="D345" s="8"/>
      <c r="E345" s="8"/>
      <c r="F345" s="2"/>
    </row>
    <row r="346" spans="2:7" s="3" customFormat="1" ht="20.100000000000001" customHeight="1" x14ac:dyDescent="0.25">
      <c r="B346" s="32" t="s">
        <v>41</v>
      </c>
      <c r="C346" s="33"/>
      <c r="D346" s="34" t="s">
        <v>42</v>
      </c>
      <c r="E346" s="120"/>
      <c r="F346" s="120"/>
    </row>
    <row r="347" spans="2:7" s="3" customFormat="1" ht="20.100000000000001" customHeight="1" x14ac:dyDescent="0.25">
      <c r="B347" s="35"/>
      <c r="C347" s="35"/>
      <c r="D347" s="35"/>
      <c r="E347" s="36"/>
      <c r="F347" s="36"/>
    </row>
    <row r="348" spans="2:7" ht="20.100000000000001" customHeight="1" x14ac:dyDescent="0.2">
      <c r="B348" s="32" t="s">
        <v>43</v>
      </c>
      <c r="C348" s="33"/>
      <c r="D348" s="37" t="s">
        <v>44</v>
      </c>
      <c r="E348" s="121"/>
      <c r="F348" s="121"/>
    </row>
    <row r="349" spans="2:7" s="2" customFormat="1" ht="20.100000000000001" customHeight="1" x14ac:dyDescent="0.2">
      <c r="B349" s="1"/>
      <c r="C349" s="1"/>
      <c r="D349" s="37" t="s">
        <v>45</v>
      </c>
      <c r="E349" s="122"/>
      <c r="F349" s="122"/>
    </row>
    <row r="350" spans="2:7" s="2" customFormat="1" ht="20.100000000000001" customHeight="1" x14ac:dyDescent="0.2">
      <c r="B350" s="1"/>
      <c r="C350" s="1"/>
      <c r="D350" s="38" t="s">
        <v>46</v>
      </c>
      <c r="E350" s="1"/>
    </row>
    <row r="351" spans="2:7" s="2" customFormat="1" ht="37.5" customHeight="1" x14ac:dyDescent="0.25"/>
    <row r="352" spans="2:7" s="2" customFormat="1" ht="24" customHeight="1" x14ac:dyDescent="0.25"/>
    <row r="353" spans="2:5" s="2" customFormat="1" ht="24" customHeight="1" x14ac:dyDescent="0.25"/>
    <row r="354" spans="2:5" s="2" customFormat="1" ht="24" customHeight="1" x14ac:dyDescent="0.25"/>
    <row r="355" spans="2:5" s="2" customFormat="1" ht="20.100000000000001" customHeight="1" x14ac:dyDescent="0.25"/>
    <row r="356" spans="2:5" s="2" customFormat="1" ht="20.100000000000001" customHeight="1" x14ac:dyDescent="0.25"/>
    <row r="357" spans="2:5" s="2" customFormat="1" ht="50.1" customHeight="1" x14ac:dyDescent="0.25"/>
    <row r="358" spans="2:5" s="2" customFormat="1" ht="43.5" customHeight="1" x14ac:dyDescent="0.25"/>
    <row r="359" spans="2:5" ht="24.75" customHeight="1" x14ac:dyDescent="0.2">
      <c r="B359" s="2"/>
      <c r="C359" s="2"/>
      <c r="D359" s="2"/>
      <c r="E359" s="2"/>
    </row>
    <row r="360" spans="2:5" x14ac:dyDescent="0.2">
      <c r="B360" s="2"/>
      <c r="C360" s="2"/>
      <c r="D360" s="2"/>
      <c r="E360" s="2"/>
    </row>
    <row r="361" spans="2:5" ht="20.100000000000001" customHeight="1" x14ac:dyDescent="0.2"/>
    <row r="362" spans="2:5" ht="4.5" customHeight="1" x14ac:dyDescent="0.2"/>
    <row r="363" spans="2:5" ht="20.100000000000001" customHeight="1" x14ac:dyDescent="0.2"/>
    <row r="364" spans="2:5" ht="20.100000000000001" customHeight="1" x14ac:dyDescent="0.2"/>
    <row r="365" spans="2:5" ht="20.100000000000001" customHeight="1" x14ac:dyDescent="0.2"/>
  </sheetData>
  <mergeCells count="330">
    <mergeCell ref="E105:F105"/>
    <mergeCell ref="E108:F108"/>
    <mergeCell ref="E130:F130"/>
    <mergeCell ref="E131:F131"/>
    <mergeCell ref="E132:F132"/>
    <mergeCell ref="E133:F133"/>
    <mergeCell ref="E70:F70"/>
    <mergeCell ref="E82:F82"/>
    <mergeCell ref="E83:F83"/>
    <mergeCell ref="E85:F85"/>
    <mergeCell ref="E158:F158"/>
    <mergeCell ref="E159:F159"/>
    <mergeCell ref="E144:F144"/>
    <mergeCell ref="E145:F145"/>
    <mergeCell ref="E146:F146"/>
    <mergeCell ref="E147:F147"/>
    <mergeCell ref="E148:F148"/>
    <mergeCell ref="E149:F149"/>
    <mergeCell ref="E150:F150"/>
    <mergeCell ref="E151:F151"/>
    <mergeCell ref="E152:F152"/>
    <mergeCell ref="E239:F239"/>
    <mergeCell ref="E240:F240"/>
    <mergeCell ref="E121:F121"/>
    <mergeCell ref="E122:F122"/>
    <mergeCell ref="E123:F123"/>
    <mergeCell ref="E124:F124"/>
    <mergeCell ref="E125:F125"/>
    <mergeCell ref="E126:F126"/>
    <mergeCell ref="E127:F127"/>
    <mergeCell ref="E128:F128"/>
    <mergeCell ref="E129:F129"/>
    <mergeCell ref="E134:F134"/>
    <mergeCell ref="B136:F136"/>
    <mergeCell ref="E137:F137"/>
    <mergeCell ref="E138:F138"/>
    <mergeCell ref="E139:F139"/>
    <mergeCell ref="E140:F140"/>
    <mergeCell ref="E141:F141"/>
    <mergeCell ref="E142:F142"/>
    <mergeCell ref="E143:F143"/>
    <mergeCell ref="E153:F153"/>
    <mergeCell ref="E154:F154"/>
    <mergeCell ref="E155:F155"/>
    <mergeCell ref="E156:F156"/>
    <mergeCell ref="E331:F331"/>
    <mergeCell ref="B326:F326"/>
    <mergeCell ref="B328:C329"/>
    <mergeCell ref="D328:F328"/>
    <mergeCell ref="E329:F329"/>
    <mergeCell ref="E177:F177"/>
    <mergeCell ref="E178:F178"/>
    <mergeCell ref="E179:F179"/>
    <mergeCell ref="E180:F180"/>
    <mergeCell ref="E181:F181"/>
    <mergeCell ref="E182:F182"/>
    <mergeCell ref="E183:F183"/>
    <mergeCell ref="E184:F184"/>
    <mergeCell ref="E196:F196"/>
    <mergeCell ref="E197:F197"/>
    <mergeCell ref="E198:F198"/>
    <mergeCell ref="E199:F199"/>
    <mergeCell ref="E200:F200"/>
    <mergeCell ref="E219:F219"/>
    <mergeCell ref="E241:F241"/>
    <mergeCell ref="E242:F242"/>
    <mergeCell ref="E243:F243"/>
    <mergeCell ref="E244:F244"/>
    <mergeCell ref="E245:F245"/>
    <mergeCell ref="B2:F2"/>
    <mergeCell ref="B1:F1"/>
    <mergeCell ref="B26:C26"/>
    <mergeCell ref="B29:C29"/>
    <mergeCell ref="E330:F330"/>
    <mergeCell ref="E170:F170"/>
    <mergeCell ref="E171:F171"/>
    <mergeCell ref="E172:F172"/>
    <mergeCell ref="E173:F173"/>
    <mergeCell ref="E174:F174"/>
    <mergeCell ref="E175:F175"/>
    <mergeCell ref="E176:F176"/>
    <mergeCell ref="E169:F169"/>
    <mergeCell ref="B162:F162"/>
    <mergeCell ref="B164:C165"/>
    <mergeCell ref="D164:F164"/>
    <mergeCell ref="E165:F165"/>
    <mergeCell ref="B24:F24"/>
    <mergeCell ref="B19:D19"/>
    <mergeCell ref="B20:D20"/>
    <mergeCell ref="B21:F21"/>
    <mergeCell ref="B23:D23"/>
    <mergeCell ref="E58:F58"/>
    <mergeCell ref="E67:F67"/>
    <mergeCell ref="E346:F346"/>
    <mergeCell ref="E348:F348"/>
    <mergeCell ref="E349:F349"/>
    <mergeCell ref="B343:F343"/>
    <mergeCell ref="B333:F333"/>
    <mergeCell ref="C334:F334"/>
    <mergeCell ref="C335:F335"/>
    <mergeCell ref="B336:E336"/>
    <mergeCell ref="B342:F342"/>
    <mergeCell ref="C337:D337"/>
    <mergeCell ref="C338:D338"/>
    <mergeCell ref="C339:D339"/>
    <mergeCell ref="C340:D340"/>
    <mergeCell ref="B3:F3"/>
    <mergeCell ref="B7:F7"/>
    <mergeCell ref="B8:F8"/>
    <mergeCell ref="B9:F9"/>
    <mergeCell ref="B11:F11"/>
    <mergeCell ref="B12:D12"/>
    <mergeCell ref="E167:F167"/>
    <mergeCell ref="E46:F46"/>
    <mergeCell ref="B44:F44"/>
    <mergeCell ref="E45:F45"/>
    <mergeCell ref="C31:D31"/>
    <mergeCell ref="B40:F40"/>
    <mergeCell ref="B42:C43"/>
    <mergeCell ref="B16:D16"/>
    <mergeCell ref="E47:F47"/>
    <mergeCell ref="E48:F48"/>
    <mergeCell ref="B22:F22"/>
    <mergeCell ref="D42:F42"/>
    <mergeCell ref="E43:F43"/>
    <mergeCell ref="E77:F77"/>
    <mergeCell ref="E68:F68"/>
    <mergeCell ref="E69:F69"/>
    <mergeCell ref="E72:F72"/>
    <mergeCell ref="B13:D13"/>
    <mergeCell ref="E66:F66"/>
    <mergeCell ref="E55:F55"/>
    <mergeCell ref="E56:F56"/>
    <mergeCell ref="E49:F49"/>
    <mergeCell ref="E50:F50"/>
    <mergeCell ref="E51:F51"/>
    <mergeCell ref="E52:F52"/>
    <mergeCell ref="E53:F53"/>
    <mergeCell ref="E54:F54"/>
    <mergeCell ref="E57:F57"/>
    <mergeCell ref="E64:F64"/>
    <mergeCell ref="E65:F65"/>
    <mergeCell ref="E59:F59"/>
    <mergeCell ref="B14:D14"/>
    <mergeCell ref="B15:D15"/>
    <mergeCell ref="C32:D32"/>
    <mergeCell ref="C33:D33"/>
    <mergeCell ref="C34:D34"/>
    <mergeCell ref="E60:F60"/>
    <mergeCell ref="E61:F61"/>
    <mergeCell ref="E62:F62"/>
    <mergeCell ref="E63:F63"/>
    <mergeCell ref="B25:F25"/>
    <mergeCell ref="C30:D30"/>
    <mergeCell ref="B36:C36"/>
    <mergeCell ref="E168:F168"/>
    <mergeCell ref="E216:F216"/>
    <mergeCell ref="E217:F217"/>
    <mergeCell ref="E218:F218"/>
    <mergeCell ref="E203:F203"/>
    <mergeCell ref="E204:F204"/>
    <mergeCell ref="E205:F205"/>
    <mergeCell ref="E206:F206"/>
    <mergeCell ref="E207:F207"/>
    <mergeCell ref="E208:F208"/>
    <mergeCell ref="E209:F209"/>
    <mergeCell ref="E210:F210"/>
    <mergeCell ref="E211:F211"/>
    <mergeCell ref="E201:F201"/>
    <mergeCell ref="E202:F202"/>
    <mergeCell ref="E185:F185"/>
    <mergeCell ref="E186:F186"/>
    <mergeCell ref="E187:F187"/>
    <mergeCell ref="E188:F188"/>
    <mergeCell ref="E86:F86"/>
    <mergeCell ref="E71:F71"/>
    <mergeCell ref="E89:F89"/>
    <mergeCell ref="E102:F102"/>
    <mergeCell ref="E106:F106"/>
    <mergeCell ref="E107:F107"/>
    <mergeCell ref="B84:F84"/>
    <mergeCell ref="E90:F90"/>
    <mergeCell ref="E91:F91"/>
    <mergeCell ref="E92:F92"/>
    <mergeCell ref="E93:F93"/>
    <mergeCell ref="E94:F94"/>
    <mergeCell ref="E95:F95"/>
    <mergeCell ref="E96:F96"/>
    <mergeCell ref="E97:F97"/>
    <mergeCell ref="E98:F98"/>
    <mergeCell ref="E99:F99"/>
    <mergeCell ref="E100:F100"/>
    <mergeCell ref="E101:F101"/>
    <mergeCell ref="E103:F103"/>
    <mergeCell ref="E104:F104"/>
    <mergeCell ref="E73:F73"/>
    <mergeCell ref="E74:F74"/>
    <mergeCell ref="E75:F75"/>
    <mergeCell ref="E76:F76"/>
    <mergeCell ref="E232:F232"/>
    <mergeCell ref="E233:F233"/>
    <mergeCell ref="E234:F234"/>
    <mergeCell ref="E235:F235"/>
    <mergeCell ref="E236:F236"/>
    <mergeCell ref="E237:F237"/>
    <mergeCell ref="E238:F238"/>
    <mergeCell ref="E78:F78"/>
    <mergeCell ref="E79:F79"/>
    <mergeCell ref="E80:F80"/>
    <mergeCell ref="E81:F81"/>
    <mergeCell ref="E87:F87"/>
    <mergeCell ref="E88:F88"/>
    <mergeCell ref="E224:F224"/>
    <mergeCell ref="E212:F212"/>
    <mergeCell ref="E213:F213"/>
    <mergeCell ref="E214:F214"/>
    <mergeCell ref="E215:F215"/>
    <mergeCell ref="B111:F111"/>
    <mergeCell ref="E192:F192"/>
    <mergeCell ref="E193:F193"/>
    <mergeCell ref="E194:F194"/>
    <mergeCell ref="E195:F195"/>
    <mergeCell ref="E109:F109"/>
    <mergeCell ref="B166:F166"/>
    <mergeCell ref="B225:F225"/>
    <mergeCell ref="E226:F226"/>
    <mergeCell ref="E227:F227"/>
    <mergeCell ref="E228:F228"/>
    <mergeCell ref="E229:F229"/>
    <mergeCell ref="E230:F230"/>
    <mergeCell ref="E231:F231"/>
    <mergeCell ref="E221:F221"/>
    <mergeCell ref="E189:F189"/>
    <mergeCell ref="E190:F190"/>
    <mergeCell ref="E191:F191"/>
    <mergeCell ref="E110:F110"/>
    <mergeCell ref="E112:F112"/>
    <mergeCell ref="E113:F113"/>
    <mergeCell ref="E114:F114"/>
    <mergeCell ref="E115:F115"/>
    <mergeCell ref="E116:F116"/>
    <mergeCell ref="E117:F117"/>
    <mergeCell ref="E118:F118"/>
    <mergeCell ref="E119:F119"/>
    <mergeCell ref="E120:F120"/>
    <mergeCell ref="E157:F157"/>
    <mergeCell ref="E246:F246"/>
    <mergeCell ref="E247:F247"/>
    <mergeCell ref="E248:F248"/>
    <mergeCell ref="E249:F249"/>
    <mergeCell ref="E250:F250"/>
    <mergeCell ref="E251:F251"/>
    <mergeCell ref="E252:F252"/>
    <mergeCell ref="E253:F253"/>
    <mergeCell ref="E254:F254"/>
    <mergeCell ref="E255:F255"/>
    <mergeCell ref="E256:F256"/>
    <mergeCell ref="E257:F257"/>
    <mergeCell ref="E258:F258"/>
    <mergeCell ref="E259:F259"/>
    <mergeCell ref="E260:F260"/>
    <mergeCell ref="E261:F261"/>
    <mergeCell ref="E262:F262"/>
    <mergeCell ref="E263:F263"/>
    <mergeCell ref="E264:F264"/>
    <mergeCell ref="E265:F265"/>
    <mergeCell ref="E266:F266"/>
    <mergeCell ref="E267:F267"/>
    <mergeCell ref="E268:F268"/>
    <mergeCell ref="E269:F269"/>
    <mergeCell ref="E270:F270"/>
    <mergeCell ref="E271:F271"/>
    <mergeCell ref="E272:F272"/>
    <mergeCell ref="E273:F273"/>
    <mergeCell ref="E274:F274"/>
    <mergeCell ref="E275:F275"/>
    <mergeCell ref="E276:F276"/>
    <mergeCell ref="E277:F277"/>
    <mergeCell ref="E278:F278"/>
    <mergeCell ref="E279:F279"/>
    <mergeCell ref="E280:F280"/>
    <mergeCell ref="E281:F281"/>
    <mergeCell ref="E282:F282"/>
    <mergeCell ref="E283:F283"/>
    <mergeCell ref="E284:F284"/>
    <mergeCell ref="E285:F285"/>
    <mergeCell ref="E286:F286"/>
    <mergeCell ref="E287:F287"/>
    <mergeCell ref="E288:F288"/>
    <mergeCell ref="E289:F289"/>
    <mergeCell ref="E290:F290"/>
    <mergeCell ref="E291:F291"/>
    <mergeCell ref="E292:F292"/>
    <mergeCell ref="E293:F293"/>
    <mergeCell ref="E294:F294"/>
    <mergeCell ref="E311:F311"/>
    <mergeCell ref="E312:F312"/>
    <mergeCell ref="E295:F295"/>
    <mergeCell ref="E296:F296"/>
    <mergeCell ref="E297:F297"/>
    <mergeCell ref="E298:F298"/>
    <mergeCell ref="E299:F299"/>
    <mergeCell ref="E300:F300"/>
    <mergeCell ref="E301:F301"/>
    <mergeCell ref="E302:F302"/>
    <mergeCell ref="E303:F303"/>
    <mergeCell ref="E135:F135"/>
    <mergeCell ref="E160:F160"/>
    <mergeCell ref="E322:F322"/>
    <mergeCell ref="E323:F323"/>
    <mergeCell ref="E324:F324"/>
    <mergeCell ref="E222:F222"/>
    <mergeCell ref="E223:F223"/>
    <mergeCell ref="E220:F220"/>
    <mergeCell ref="E313:F313"/>
    <mergeCell ref="E314:F314"/>
    <mergeCell ref="E315:F315"/>
    <mergeCell ref="E316:F316"/>
    <mergeCell ref="E317:F317"/>
    <mergeCell ref="E318:F318"/>
    <mergeCell ref="E319:F319"/>
    <mergeCell ref="E320:F320"/>
    <mergeCell ref="E321:F321"/>
    <mergeCell ref="E304:F304"/>
    <mergeCell ref="E305:F305"/>
    <mergeCell ref="E306:F306"/>
    <mergeCell ref="E307:F307"/>
    <mergeCell ref="E308:F308"/>
    <mergeCell ref="E309:F309"/>
    <mergeCell ref="E310:F310"/>
  </mergeCells>
  <conditionalFormatting sqref="D176:D178 D180:D224 D51:D83">
    <cfRule type="containsBlanks" dxfId="22" priority="86">
      <formula>LEN(TRIM(D51))=0</formula>
    </cfRule>
  </conditionalFormatting>
  <conditionalFormatting sqref="E348:F348">
    <cfRule type="containsBlanks" dxfId="21" priority="85">
      <formula>LEN(TRIM(E348))=0</formula>
    </cfRule>
  </conditionalFormatting>
  <conditionalFormatting sqref="C346">
    <cfRule type="containsBlanks" dxfId="20" priority="83">
      <formula>LEN(TRIM(C346))=0</formula>
    </cfRule>
  </conditionalFormatting>
  <conditionalFormatting sqref="E349:F349">
    <cfRule type="containsBlanks" dxfId="19" priority="84">
      <formula>LEN(TRIM(E349))=0</formula>
    </cfRule>
  </conditionalFormatting>
  <conditionalFormatting sqref="C348">
    <cfRule type="containsBlanks" dxfId="18" priority="82">
      <formula>LEN(TRIM(C348))=0</formula>
    </cfRule>
  </conditionalFormatting>
  <conditionalFormatting sqref="C4:C5">
    <cfRule type="containsBlanks" dxfId="17" priority="81">
      <formula>LEN(TRIM(C4))=0</formula>
    </cfRule>
  </conditionalFormatting>
  <conditionalFormatting sqref="D45">
    <cfRule type="containsBlanks" dxfId="16" priority="80">
      <formula>LEN(TRIM(D45))=0</formula>
    </cfRule>
  </conditionalFormatting>
  <conditionalFormatting sqref="D330">
    <cfRule type="containsBlanks" dxfId="15" priority="75">
      <formula>LEN(TRIM(D330))=0</formula>
    </cfRule>
  </conditionalFormatting>
  <conditionalFormatting sqref="C339:D339">
    <cfRule type="containsBlanks" dxfId="14" priority="71">
      <formula>LEN(TRIM(C339))=0</formula>
    </cfRule>
  </conditionalFormatting>
  <conditionalFormatting sqref="D46:D47">
    <cfRule type="containsBlanks" dxfId="13" priority="53">
      <formula>LEN(TRIM(D46))=0</formula>
    </cfRule>
  </conditionalFormatting>
  <conditionalFormatting sqref="C338:D338">
    <cfRule type="containsBlanks" dxfId="12" priority="22">
      <formula>LEN(TRIM(C338))=0</formula>
    </cfRule>
  </conditionalFormatting>
  <conditionalFormatting sqref="C337:D337">
    <cfRule type="containsBlanks" dxfId="11" priority="21">
      <formula>LEN(TRIM(C337))=0</formula>
    </cfRule>
  </conditionalFormatting>
  <conditionalFormatting sqref="C340:D340">
    <cfRule type="containsBlanks" dxfId="10" priority="20">
      <formula>LEN(TRIM(C340))=0</formula>
    </cfRule>
  </conditionalFormatting>
  <conditionalFormatting sqref="D167:D175">
    <cfRule type="containsBlanks" dxfId="9" priority="15">
      <formula>LEN(TRIM(D167))=0</formula>
    </cfRule>
  </conditionalFormatting>
  <conditionalFormatting sqref="D331">
    <cfRule type="containsBlanks" dxfId="8" priority="13">
      <formula>LEN(TRIM(D331))=0</formula>
    </cfRule>
  </conditionalFormatting>
  <conditionalFormatting sqref="D179">
    <cfRule type="containsBlanks" dxfId="7" priority="12">
      <formula>LEN(TRIM(D179))=0</formula>
    </cfRule>
  </conditionalFormatting>
  <conditionalFormatting sqref="D48:D50">
    <cfRule type="containsBlanks" dxfId="6" priority="8">
      <formula>LEN(TRIM(D48))=0</formula>
    </cfRule>
  </conditionalFormatting>
  <conditionalFormatting sqref="D85:D110">
    <cfRule type="containsBlanks" dxfId="5" priority="7">
      <formula>LEN(TRIM(D85))=0</formula>
    </cfRule>
  </conditionalFormatting>
  <conditionalFormatting sqref="D112:D135">
    <cfRule type="containsBlanks" dxfId="4" priority="6">
      <formula>LEN(TRIM(D112))=0</formula>
    </cfRule>
  </conditionalFormatting>
  <conditionalFormatting sqref="D137:D159">
    <cfRule type="containsBlanks" dxfId="3" priority="5">
      <formula>LEN(TRIM(D137))=0</formula>
    </cfRule>
  </conditionalFormatting>
  <conditionalFormatting sqref="D226:D237">
    <cfRule type="containsBlanks" dxfId="2" priority="3">
      <formula>LEN(TRIM(D226))=0</formula>
    </cfRule>
  </conditionalFormatting>
  <conditionalFormatting sqref="D238:D324">
    <cfRule type="containsBlanks" dxfId="1" priority="2">
      <formula>LEN(TRIM(D238))=0</formula>
    </cfRule>
  </conditionalFormatting>
  <conditionalFormatting sqref="D160">
    <cfRule type="containsBlanks" dxfId="0" priority="1">
      <formula>LEN(TRIM(D160))=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5" manualBreakCount="5">
    <brk id="110" min="1" max="5" man="1"/>
    <brk id="142" min="1" max="5" man="1"/>
    <brk id="188" min="1" max="5" man="1"/>
    <brk id="204" min="1" max="5" man="1"/>
    <brk id="340"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6</xdr:row>
                    <xdr:rowOff>9525</xdr:rowOff>
                  </from>
                  <to>
                    <xdr:col>1</xdr:col>
                    <xdr:colOff>885825</xdr:colOff>
                    <xdr:row>3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7</xdr:row>
                    <xdr:rowOff>0</xdr:rowOff>
                  </from>
                  <to>
                    <xdr:col>1</xdr:col>
                    <xdr:colOff>8858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2-05-10T12:29:37Z</cp:lastPrinted>
  <dcterms:created xsi:type="dcterms:W3CDTF">2017-04-21T05:51:15Z</dcterms:created>
  <dcterms:modified xsi:type="dcterms:W3CDTF">2022-05-10T13:02:46Z</dcterms:modified>
</cp:coreProperties>
</file>